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31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538103\Documents\Machine Learning\project-machine-learning-s21-srkvodnala\"/>
    </mc:Choice>
  </mc:AlternateContent>
  <xr:revisionPtr revIDLastSave="0" documentId="8_{617C62B3-30E5-4398-96F3-2AF374C5042E}" xr6:coauthVersionLast="45" xr6:coauthVersionMax="45" xr10:uidLastSave="{00000000-0000-0000-0000-000000000000}"/>
  <bookViews>
    <workbookView xWindow="-108" yWindow="-108" windowWidth="23256" windowHeight="12576"/>
  </bookViews>
  <sheets>
    <sheet name="FW_Veg_Rem_Combined" sheetId="1" r:id="rId1"/>
  </sheets>
  <calcPr calcId="0"/>
</workbook>
</file>

<file path=xl/sharedStrings.xml><?xml version="1.0" encoding="utf-8"?>
<sst xmlns="http://schemas.openxmlformats.org/spreadsheetml/2006/main" count="380800" uniqueCount="32421">
  <si>
    <t>Unnamed: 0</t>
  </si>
  <si>
    <t>fire_name</t>
  </si>
  <si>
    <t>fire_size</t>
  </si>
  <si>
    <t>fire_size_class</t>
  </si>
  <si>
    <t>stat_cause_descr</t>
  </si>
  <si>
    <t>latitude</t>
  </si>
  <si>
    <t>longitude</t>
  </si>
  <si>
    <t>state</t>
  </si>
  <si>
    <t>disc_clean_date</t>
  </si>
  <si>
    <t>cont_clean_date</t>
  </si>
  <si>
    <t>discovery_month</t>
  </si>
  <si>
    <t>disc_date_final</t>
  </si>
  <si>
    <t>cont_date_final</t>
  </si>
  <si>
    <t>putout_time</t>
  </si>
  <si>
    <t>disc_date_pre</t>
  </si>
  <si>
    <t>disc_pre_year</t>
  </si>
  <si>
    <t>disc_pre_month</t>
  </si>
  <si>
    <t>wstation_usaf</t>
  </si>
  <si>
    <t>dstation_m</t>
  </si>
  <si>
    <t>wstation_wban</t>
  </si>
  <si>
    <t>wstation_byear</t>
  </si>
  <si>
    <t>wstation_eyear</t>
  </si>
  <si>
    <t>Vegetation</t>
  </si>
  <si>
    <t>fire_mag</t>
  </si>
  <si>
    <t>weather_file</t>
  </si>
  <si>
    <t>Temp_pre_30</t>
  </si>
  <si>
    <t>Temp_pre_15</t>
  </si>
  <si>
    <t>Temp_pre_7</t>
  </si>
  <si>
    <t>Temp_cont</t>
  </si>
  <si>
    <t>Wind_pre_30</t>
  </si>
  <si>
    <t>Wind_pre_15</t>
  </si>
  <si>
    <t>Wind_pre_7</t>
  </si>
  <si>
    <t>Wind_cont</t>
  </si>
  <si>
    <t>Hum_pre_30</t>
  </si>
  <si>
    <t>Hum_pre_15</t>
  </si>
  <si>
    <t>Hum_pre_7</t>
  </si>
  <si>
    <t>Hum_cont</t>
  </si>
  <si>
    <t>Prec_pre_30</t>
  </si>
  <si>
    <t>Prec_pre_15</t>
  </si>
  <si>
    <t>Prec_pre_7</t>
  </si>
  <si>
    <t>Prec_cont</t>
  </si>
  <si>
    <t>remoteness</t>
  </si>
  <si>
    <t>C</t>
  </si>
  <si>
    <t>Missing/Undefined</t>
  </si>
  <si>
    <t>PR</t>
  </si>
  <si>
    <t>Feb</t>
  </si>
  <si>
    <t>Jan</t>
  </si>
  <si>
    <t>785140-11603-2007.gz</t>
  </si>
  <si>
    <t>B</t>
  </si>
  <si>
    <t>Arson</t>
  </si>
  <si>
    <t>TN</t>
  </si>
  <si>
    <t>Dec</t>
  </si>
  <si>
    <t>Nov</t>
  </si>
  <si>
    <t>723235-13896-2006.gz</t>
  </si>
  <si>
    <t>MS</t>
  </si>
  <si>
    <t>723235-13896-2004.gz</t>
  </si>
  <si>
    <t>WNA  1</t>
  </si>
  <si>
    <t>Debris Burning</t>
  </si>
  <si>
    <t>NV</t>
  </si>
  <si>
    <t>Jun</t>
  </si>
  <si>
    <t>0 days 00:00:00.000000000</t>
  </si>
  <si>
    <t>May</t>
  </si>
  <si>
    <t>724880-23185-2005.gz</t>
  </si>
  <si>
    <t>Miscellaneous</t>
  </si>
  <si>
    <t>LA</t>
  </si>
  <si>
    <t>Sep</t>
  </si>
  <si>
    <t>Aug</t>
  </si>
  <si>
    <t>File Not Found</t>
  </si>
  <si>
    <t>GA</t>
  </si>
  <si>
    <t>Mar</t>
  </si>
  <si>
    <t>747810-13857-2008.gz</t>
  </si>
  <si>
    <t>Campfire</t>
  </si>
  <si>
    <t>TX</t>
  </si>
  <si>
    <t>Oct</t>
  </si>
  <si>
    <t>722820-99999-2005.gz</t>
  </si>
  <si>
    <t>AR</t>
  </si>
  <si>
    <t>Jul</t>
  </si>
  <si>
    <t>723448-53934-2007.gz</t>
  </si>
  <si>
    <t>CRAZY</t>
  </si>
  <si>
    <t>ND</t>
  </si>
  <si>
    <t>Apr</t>
  </si>
  <si>
    <t>727675-99999-2004.gz</t>
  </si>
  <si>
    <t>722166-93845-2010.gz</t>
  </si>
  <si>
    <t>SWR-20150212-008</t>
  </si>
  <si>
    <t>AL</t>
  </si>
  <si>
    <t>723200-93801-2003.gz</t>
  </si>
  <si>
    <t>Fireworks</t>
  </si>
  <si>
    <t>722319-53943-2014.gz</t>
  </si>
  <si>
    <t>SC</t>
  </si>
  <si>
    <t>ROLSTON</t>
  </si>
  <si>
    <t>NM</t>
  </si>
  <si>
    <t>722686-23008-1996.gz</t>
  </si>
  <si>
    <t>TREE HOUSE LIGHTER</t>
  </si>
  <si>
    <t>Children</t>
  </si>
  <si>
    <t>NC</t>
  </si>
  <si>
    <t>999999-94818-2000.gz</t>
  </si>
  <si>
    <t>723174-93783-2007.gz</t>
  </si>
  <si>
    <t>TELEPHONE FIRE</t>
  </si>
  <si>
    <t>742513-53937-2010.gz</t>
  </si>
  <si>
    <t>NY</t>
  </si>
  <si>
    <t>722348-99999-1999.gz</t>
  </si>
  <si>
    <t>785140-11603-2010.gz</t>
  </si>
  <si>
    <t>STO3573155</t>
  </si>
  <si>
    <t>720401-00133-2013.gz</t>
  </si>
  <si>
    <t>723100-13883-1995.gz</t>
  </si>
  <si>
    <t>724988-94704-2010.gz</t>
  </si>
  <si>
    <t>722230-13894-2000.gz</t>
  </si>
  <si>
    <t>AXE RONDEAU</t>
  </si>
  <si>
    <t>727573-94928-2007.gz</t>
  </si>
  <si>
    <t>723200-93801-1993.gz</t>
  </si>
  <si>
    <t>CR 42600</t>
  </si>
  <si>
    <t>722587-93955-2011.gz</t>
  </si>
  <si>
    <t>FY2001-EARLY-021</t>
  </si>
  <si>
    <t>722268-99999-2000.gz</t>
  </si>
  <si>
    <t>LUCKY</t>
  </si>
  <si>
    <t>F</t>
  </si>
  <si>
    <t>Lightning</t>
  </si>
  <si>
    <t>1 days 00:00:00.000000000</t>
  </si>
  <si>
    <t>722680-23009-1994.gz</t>
  </si>
  <si>
    <t>FL</t>
  </si>
  <si>
    <t>722050-12815-2009.gz</t>
  </si>
  <si>
    <t>999999-63896-2007.gz</t>
  </si>
  <si>
    <t>OK</t>
  </si>
  <si>
    <t>MARBLE HEAD</t>
  </si>
  <si>
    <t>UT</t>
  </si>
  <si>
    <t>A00028</t>
  </si>
  <si>
    <t>HWY 438 W</t>
  </si>
  <si>
    <t>747805-63818-2006.gz</t>
  </si>
  <si>
    <t>A00009</t>
  </si>
  <si>
    <t>722489-99999-2005.gz</t>
  </si>
  <si>
    <t>HIGHWAY 30 FIRE</t>
  </si>
  <si>
    <t>KY</t>
  </si>
  <si>
    <t>Equipment Use</t>
  </si>
  <si>
    <t>LAUREL BRANCH</t>
  </si>
  <si>
    <t>WV</t>
  </si>
  <si>
    <t>724125-03859-2014.gz</t>
  </si>
  <si>
    <t>2015-98</t>
  </si>
  <si>
    <t>722447-53903-2015.gz</t>
  </si>
  <si>
    <t>MN</t>
  </si>
  <si>
    <t>727458-94919-2009.gz</t>
  </si>
  <si>
    <t>722202-12985-2008.gz</t>
  </si>
  <si>
    <t>AGERT</t>
  </si>
  <si>
    <t>WY</t>
  </si>
  <si>
    <t>726665-24062-2010.gz</t>
  </si>
  <si>
    <t>722470-03901-1999.gz</t>
  </si>
  <si>
    <t>LED BETTER BARN</t>
  </si>
  <si>
    <t>723565-03959-2015.gz</t>
  </si>
  <si>
    <t>CALDERWOOD</t>
  </si>
  <si>
    <t>D</t>
  </si>
  <si>
    <t>723260-13891-1999.gz</t>
  </si>
  <si>
    <t>744104-99999-2004.gz</t>
  </si>
  <si>
    <t>DEVIL'S</t>
  </si>
  <si>
    <t>VA</t>
  </si>
  <si>
    <t>2 days 00:00:00.000000000</t>
  </si>
  <si>
    <t>724117-99999-1995.gz</t>
  </si>
  <si>
    <t>722120-12833-1995.gz</t>
  </si>
  <si>
    <t>SPRING GULCH</t>
  </si>
  <si>
    <t>CO</t>
  </si>
  <si>
    <t>999999-54767-1996.gz</t>
  </si>
  <si>
    <t>DALLAS LOOP</t>
  </si>
  <si>
    <t>722112-53982-2008.gz</t>
  </si>
  <si>
    <t>727458-99999-1997.gz</t>
  </si>
  <si>
    <t>FATHER'S DAY FIRE</t>
  </si>
  <si>
    <t>Smoking</t>
  </si>
  <si>
    <t>722090-99999-1999.gz</t>
  </si>
  <si>
    <t>999999-53908-1998.gz</t>
  </si>
  <si>
    <t>722083-99999-1995.gz</t>
  </si>
  <si>
    <t>A00008</t>
  </si>
  <si>
    <t>A00008-12978-2006.gz</t>
  </si>
  <si>
    <t>SD</t>
  </si>
  <si>
    <t>726545-99999-2003.gz</t>
  </si>
  <si>
    <t>WI</t>
  </si>
  <si>
    <t>726626-99999-1995.gz</t>
  </si>
  <si>
    <t>722107-03056-2008.gz</t>
  </si>
  <si>
    <t>RAMP</t>
  </si>
  <si>
    <t>E</t>
  </si>
  <si>
    <t>CA</t>
  </si>
  <si>
    <t>747040-03102-2006.gz</t>
  </si>
  <si>
    <t>BIRCH</t>
  </si>
  <si>
    <t>ID</t>
  </si>
  <si>
    <t>Railroad</t>
  </si>
  <si>
    <t>MO</t>
  </si>
  <si>
    <t>724400-13995-1999.gz</t>
  </si>
  <si>
    <t>TELEPHONE CANYON</t>
  </si>
  <si>
    <t>3 days 00:00:00.000000000</t>
  </si>
  <si>
    <t>725744-24027-2012.gz</t>
  </si>
  <si>
    <t>LIL CARIBO</t>
  </si>
  <si>
    <t>AK</t>
  </si>
  <si>
    <t>26 days 00:00:00.000000000</t>
  </si>
  <si>
    <t>999999-04826-1997.gz</t>
  </si>
  <si>
    <t>722062-63842-2010.gz</t>
  </si>
  <si>
    <t>FY2014-TOOMBS-030</t>
  </si>
  <si>
    <t>722134-63822-2014.gz</t>
  </si>
  <si>
    <t>AZ</t>
  </si>
  <si>
    <t>9 days 00:00:00.000000000</t>
  </si>
  <si>
    <t>723756-99999-1992.gz</t>
  </si>
  <si>
    <t xml:space="preserve">MCNEIL                   </t>
  </si>
  <si>
    <t>722897-99999-1995.gz</t>
  </si>
  <si>
    <t>SWEETBAY 1</t>
  </si>
  <si>
    <t>722029-99999-1992.gz</t>
  </si>
  <si>
    <t>RL278</t>
  </si>
  <si>
    <t>727550-99999-2000.gz</t>
  </si>
  <si>
    <t>726437-94940-2006.gz</t>
  </si>
  <si>
    <t>723429-53920-2011.gz</t>
  </si>
  <si>
    <t>FY2015-LAURENS-107</t>
  </si>
  <si>
    <t>720962-00337-2015.gz</t>
  </si>
  <si>
    <t>TAYLOR FURY (54)</t>
  </si>
  <si>
    <t>FY2011-HARRIS-024</t>
  </si>
  <si>
    <t>722255-93842-2011.gz</t>
  </si>
  <si>
    <t>HAMMER CREEK</t>
  </si>
  <si>
    <t>725784-04109-2012.gz</t>
  </si>
  <si>
    <t>722230-13894-2001.gz</t>
  </si>
  <si>
    <t>725038-14714-2009.gz</t>
  </si>
  <si>
    <t>US HWY 74</t>
  </si>
  <si>
    <t>723109-99999-2000.gz</t>
  </si>
  <si>
    <t>722170-03813-1993.gz</t>
  </si>
  <si>
    <t>724236-03889-1998.gz</t>
  </si>
  <si>
    <t>999999-94898-2001.gz</t>
  </si>
  <si>
    <t>722137-13878-2007.gz</t>
  </si>
  <si>
    <t>722109-00355-2007.gz</t>
  </si>
  <si>
    <t>NELLIE LANE I</t>
  </si>
  <si>
    <t>FY2001-DADE-041</t>
  </si>
  <si>
    <t>723240-13882-2001.gz</t>
  </si>
  <si>
    <t>722055-99999-1992.gz</t>
  </si>
  <si>
    <t>723566-93950-1993.gz</t>
  </si>
  <si>
    <t>WABANA POWERLINE</t>
  </si>
  <si>
    <t>727550-99999-1998.gz</t>
  </si>
  <si>
    <t>FY2012-COWETA-020</t>
  </si>
  <si>
    <t>722176-53884-2012.gz</t>
  </si>
  <si>
    <t>BLUE HEAD</t>
  </si>
  <si>
    <t>999999-92811-2009.gz</t>
  </si>
  <si>
    <t>8144 W US 290</t>
  </si>
  <si>
    <t>722540-13904-2011.gz</t>
  </si>
  <si>
    <t>EIGHT MILE</t>
  </si>
  <si>
    <t>722101-03039-2008.gz</t>
  </si>
  <si>
    <t>720151-03049-2008.gz</t>
  </si>
  <si>
    <t>OLD ELK</t>
  </si>
  <si>
    <t>Structure</t>
  </si>
  <si>
    <t>MT</t>
  </si>
  <si>
    <t>726660-24029-1995.gz</t>
  </si>
  <si>
    <t>IA</t>
  </si>
  <si>
    <t>725495-04975-2009.gz</t>
  </si>
  <si>
    <t>BALL</t>
  </si>
  <si>
    <t>723826-99999-2003.gz</t>
  </si>
  <si>
    <t>WHITFIELD RD.</t>
  </si>
  <si>
    <t>723550-13945-2011.gz</t>
  </si>
  <si>
    <t>722090-99999-1996.gz</t>
  </si>
  <si>
    <t>723340-13893-1996.gz</t>
  </si>
  <si>
    <t>726673-99999-1994.gz</t>
  </si>
  <si>
    <t>722359-13978-2002.gz</t>
  </si>
  <si>
    <t>PA</t>
  </si>
  <si>
    <t>725170-14737-2009.gz</t>
  </si>
  <si>
    <t>NICHOLS</t>
  </si>
  <si>
    <t>723565-03959-2013.gz</t>
  </si>
  <si>
    <t>MULTIPLE</t>
  </si>
  <si>
    <t>722747-93084-2006.gz</t>
  </si>
  <si>
    <t>722067-93832-1998.gz</t>
  </si>
  <si>
    <t>FY2000-STEWART-045</t>
  </si>
  <si>
    <t>722255-93842-2000.gz</t>
  </si>
  <si>
    <t>725016-99999-2002.gz</t>
  </si>
  <si>
    <t>723406-99999-1997.gz</t>
  </si>
  <si>
    <t>WA</t>
  </si>
  <si>
    <t>727856-94176-2007.gz</t>
  </si>
  <si>
    <t>MS0    0909-5570703012</t>
  </si>
  <si>
    <t>722312-03908-2009.gz</t>
  </si>
  <si>
    <t>LASILOO</t>
  </si>
  <si>
    <t>A51255</t>
  </si>
  <si>
    <t>2013-10464</t>
  </si>
  <si>
    <t>723630-23047-2013.gz</t>
  </si>
  <si>
    <t>LAKERIDGE1</t>
  </si>
  <si>
    <t>723747-99999-1997.gz</t>
  </si>
  <si>
    <t>722588-99999-2005.gz</t>
  </si>
  <si>
    <t>723100-13883-1999.gz</t>
  </si>
  <si>
    <t>747760-03818-2008.gz</t>
  </si>
  <si>
    <t>AGARD</t>
  </si>
  <si>
    <t>726685-99999-2001.gz</t>
  </si>
  <si>
    <t>720608-00200-2014.gz</t>
  </si>
  <si>
    <t>DEADHORSE-COBB SADDLE</t>
  </si>
  <si>
    <t>OR</t>
  </si>
  <si>
    <t>4 days 00:00:00.000000000</t>
  </si>
  <si>
    <t>999999-94060-2011.gz</t>
  </si>
  <si>
    <t>723676-23048-2006.gz</t>
  </si>
  <si>
    <t>722448-99999-1998.gz</t>
  </si>
  <si>
    <t>NOR-20140402-005</t>
  </si>
  <si>
    <t>722031-63839-2014.gz</t>
  </si>
  <si>
    <t>LINDEN - 411</t>
  </si>
  <si>
    <t>720302-53963-2011.gz</t>
  </si>
  <si>
    <t>722068-99999-2000.gz</t>
  </si>
  <si>
    <t>ALGAIER</t>
  </si>
  <si>
    <t>720302-53963-2012.gz</t>
  </si>
  <si>
    <t>BUCK LAKE</t>
  </si>
  <si>
    <t>720904-00299-2015.gz</t>
  </si>
  <si>
    <t>722594-53909-2006.gz</t>
  </si>
  <si>
    <t xml:space="preserve">"PARRA, B"               </t>
  </si>
  <si>
    <t>724973-99999-1998.gz</t>
  </si>
  <si>
    <t>723566-93950-2005.gz</t>
  </si>
  <si>
    <t>303 BENNETT RD.</t>
  </si>
  <si>
    <t>722594-53909-2009.gz</t>
  </si>
  <si>
    <t>722284-99999-1995.gz</t>
  </si>
  <si>
    <t>722348-99999-2001.gz</t>
  </si>
  <si>
    <t>722280-13876-1997.gz</t>
  </si>
  <si>
    <t>HOLZERS</t>
  </si>
  <si>
    <t>727873-99999-2001.gz</t>
  </si>
  <si>
    <t>722784-99999-1993.gz</t>
  </si>
  <si>
    <t>747910-99999-2001.gz</t>
  </si>
  <si>
    <t>722286-93806-2008.gz</t>
  </si>
  <si>
    <t>723150-03812-2001.gz</t>
  </si>
  <si>
    <t>WLDFR-BOYE</t>
  </si>
  <si>
    <t>NE</t>
  </si>
  <si>
    <t>725530-99999-2002.gz</t>
  </si>
  <si>
    <t>722416-12971-2005.gz</t>
  </si>
  <si>
    <t>Powerline</t>
  </si>
  <si>
    <t>725075-99999-2005.gz</t>
  </si>
  <si>
    <t>724140-13866-2008.gz</t>
  </si>
  <si>
    <t>722348-53808-2006.gz</t>
  </si>
  <si>
    <t>747915-93718-1998.gz</t>
  </si>
  <si>
    <t>724140-13866-2006.gz</t>
  </si>
  <si>
    <t>723084-99999-2008.gz</t>
  </si>
  <si>
    <t>FY2014-CHATTOOGA-020</t>
  </si>
  <si>
    <t>723340-13893-2000.gz</t>
  </si>
  <si>
    <t>FRIEBORN</t>
  </si>
  <si>
    <t>723754-93027-2010.gz</t>
  </si>
  <si>
    <t>722448-13972-2005.gz</t>
  </si>
  <si>
    <t>724118-93797-2010.gz</t>
  </si>
  <si>
    <t>722691-00366-2009.gz</t>
  </si>
  <si>
    <t>LONESOME</t>
  </si>
  <si>
    <t>725846-93201-2006.gz</t>
  </si>
  <si>
    <t>FY2014-BLECKLEY-006</t>
  </si>
  <si>
    <t>722217-63881-2013.gz</t>
  </si>
  <si>
    <t>724236-03889-2006.gz</t>
  </si>
  <si>
    <t>722270-13864-1994.gz</t>
  </si>
  <si>
    <t>722012-92817-2009.gz</t>
  </si>
  <si>
    <t>CROOKED RD</t>
  </si>
  <si>
    <t>725760-24021-2006.gz</t>
  </si>
  <si>
    <t>727857-99999-1994.gz</t>
  </si>
  <si>
    <t>726560-94966-2006.gz</t>
  </si>
  <si>
    <t>747806-63809-2006.gz</t>
  </si>
  <si>
    <t>726525-94911-2015.gz</t>
  </si>
  <si>
    <t>13-1218A</t>
  </si>
  <si>
    <t>720965-13910-2013.gz</t>
  </si>
  <si>
    <t>722170-03813-1996.gz</t>
  </si>
  <si>
    <t>SORRELLS</t>
  </si>
  <si>
    <t>722600-03969-2014.gz</t>
  </si>
  <si>
    <t>723143-03720-2009.gz</t>
  </si>
  <si>
    <t>SWR-20140320-005</t>
  </si>
  <si>
    <t>999999-04126-2014.gz</t>
  </si>
  <si>
    <t>722286-93806-1999.gz</t>
  </si>
  <si>
    <t>722053-12841-2004.gz</t>
  </si>
  <si>
    <t>999999-94197-2003.gz</t>
  </si>
  <si>
    <t>VICTORY</t>
  </si>
  <si>
    <t>726228-94740-2012.gz</t>
  </si>
  <si>
    <t>720613-00204-2012.gz</t>
  </si>
  <si>
    <t>999999-63898-2008.gz</t>
  </si>
  <si>
    <t>FY2012-FULTON SOUTH-002</t>
  </si>
  <si>
    <t>722195-03888-2011.gz</t>
  </si>
  <si>
    <t>FY2015-TREUTLEN-022</t>
  </si>
  <si>
    <t>725157-99999-2003.gz</t>
  </si>
  <si>
    <t>720932-00317-2014.gz</t>
  </si>
  <si>
    <t>STARTING A LITTLE EARLY</t>
  </si>
  <si>
    <t>LEYBA</t>
  </si>
  <si>
    <t>723656-23049-1995.gz</t>
  </si>
  <si>
    <t>INDIAN CREEK</t>
  </si>
  <si>
    <t>724454-93996-2012.gz</t>
  </si>
  <si>
    <t>724354-99999-2000.gz</t>
  </si>
  <si>
    <t>LITTLE KID</t>
  </si>
  <si>
    <t>BURLINGTON ROAD (39)</t>
  </si>
  <si>
    <t>722140-93805-2015.gz</t>
  </si>
  <si>
    <t>726450-14898-2005.gz</t>
  </si>
  <si>
    <t>WEST HUNGRYLAND (43)</t>
  </si>
  <si>
    <t>722189-92815-2015.gz</t>
  </si>
  <si>
    <t>724988-94704-2009.gz</t>
  </si>
  <si>
    <t>UNIT6-04-1</t>
  </si>
  <si>
    <t>GRASS FIRE 185 FCR 820</t>
  </si>
  <si>
    <t>722469-53912-2009.gz</t>
  </si>
  <si>
    <t>GREEN MOUNTAIN</t>
  </si>
  <si>
    <t>18 days 00:00:00.000000000</t>
  </si>
  <si>
    <t>727795-99999-2000.gz</t>
  </si>
  <si>
    <t>LUCKY2</t>
  </si>
  <si>
    <t>746380-99999-2011.gz</t>
  </si>
  <si>
    <t>FRENCHMAN</t>
  </si>
  <si>
    <t>725784-04109-2015.gz</t>
  </si>
  <si>
    <t>1448 LIBERTY CHURCH RD.</t>
  </si>
  <si>
    <t>723055-63816-2014.gz</t>
  </si>
  <si>
    <t>BELLFOUNTIAN LIGHTING</t>
  </si>
  <si>
    <t>726945-99999-2003.gz</t>
  </si>
  <si>
    <t>FY2003-PICKENS-022</t>
  </si>
  <si>
    <t>722199-99999-2004.gz</t>
  </si>
  <si>
    <t>REFINERY</t>
  </si>
  <si>
    <t>722123-99999-1991.gz</t>
  </si>
  <si>
    <t>CAMP BRANCH</t>
  </si>
  <si>
    <t>785140-99999-2003.gz</t>
  </si>
  <si>
    <t>722230-13894-1999.gz</t>
  </si>
  <si>
    <t>MS0    0909-5570305006</t>
  </si>
  <si>
    <t>742077-03763-2008.gz</t>
  </si>
  <si>
    <t>14-0005139 DICK ELLIOTT GRASS FIRE</t>
  </si>
  <si>
    <t>720303-53973-2014.gz</t>
  </si>
  <si>
    <t>CANNON 2</t>
  </si>
  <si>
    <t>727478-99999-2000.gz</t>
  </si>
  <si>
    <t>NO LYNNDYL</t>
  </si>
  <si>
    <t>A00018</t>
  </si>
  <si>
    <t>722156-53873-2007.gz</t>
  </si>
  <si>
    <t>TH1309</t>
  </si>
  <si>
    <t>A07141</t>
  </si>
  <si>
    <t>BANNING LANE</t>
  </si>
  <si>
    <t>723144-53890-2006.gz</t>
  </si>
  <si>
    <t>YATSATTIE</t>
  </si>
  <si>
    <t>723754-99999-1996.gz</t>
  </si>
  <si>
    <t>HI</t>
  </si>
  <si>
    <t>911700-99999-2001.gz</t>
  </si>
  <si>
    <t>ROSSER RANCH RANDY SAYLOR</t>
  </si>
  <si>
    <t>720318-53965-2009.gz</t>
  </si>
  <si>
    <t>MARSHMELLO</t>
  </si>
  <si>
    <t>726518-99999-2002.gz</t>
  </si>
  <si>
    <t>723896-93144-2013.gz</t>
  </si>
  <si>
    <t>747808-99999-2004.gz</t>
  </si>
  <si>
    <t>212DAYSCHL</t>
  </si>
  <si>
    <t>726685-99999-1992.gz</t>
  </si>
  <si>
    <t>722547-53942-2008.gz</t>
  </si>
  <si>
    <t>726555-99999-1994.gz</t>
  </si>
  <si>
    <t>VALLEY 2</t>
  </si>
  <si>
    <t>5 days 00:00:00.000000000</t>
  </si>
  <si>
    <t>745056-53120-2013.gz</t>
  </si>
  <si>
    <t>723260-13891-2001.gz</t>
  </si>
  <si>
    <t>722348-99999-1993.gz</t>
  </si>
  <si>
    <t>726626-99999-1994.gz</t>
  </si>
  <si>
    <t>692704-99999-1996.gz</t>
  </si>
  <si>
    <t>KEYSTONE</t>
  </si>
  <si>
    <t>723307-99999-1999.gz</t>
  </si>
  <si>
    <t>722499-99999-2003.gz</t>
  </si>
  <si>
    <t>LONG  CYN.</t>
  </si>
  <si>
    <t>723747-99999-2005.gz</t>
  </si>
  <si>
    <t>722448-13972-2008.gz</t>
  </si>
  <si>
    <t>OR11</t>
  </si>
  <si>
    <t>725570-14943-1999.gz</t>
  </si>
  <si>
    <t>BLUEBELLSP</t>
  </si>
  <si>
    <t>724773-99999-1996.gz</t>
  </si>
  <si>
    <t>COWHOUSE ISLAND 1</t>
  </si>
  <si>
    <t>16 days 00:00:00.000000000</t>
  </si>
  <si>
    <t>999999-54828-2006.gz</t>
  </si>
  <si>
    <t>723200-93801-2006.gz</t>
  </si>
  <si>
    <t>WOLF 1</t>
  </si>
  <si>
    <t>726817-24154-2015.gz</t>
  </si>
  <si>
    <t>722348-53808-2007.gz</t>
  </si>
  <si>
    <t>CUMPIAN GRASS FIRE #1</t>
  </si>
  <si>
    <t>720395-00130-2009.gz</t>
  </si>
  <si>
    <t>720311-53962-2008.gz</t>
  </si>
  <si>
    <t>ELIZABETH STREET</t>
  </si>
  <si>
    <t>724175-99999-1995.gz</t>
  </si>
  <si>
    <t>747806-63809-2009.gz</t>
  </si>
  <si>
    <t>722230-13894-1994.gz</t>
  </si>
  <si>
    <t>GRASS FIRE</t>
  </si>
  <si>
    <t>720287-53967-2012.gz</t>
  </si>
  <si>
    <t xml:space="preserve">LAKE                     </t>
  </si>
  <si>
    <t>722904-99999-2005.gz</t>
  </si>
  <si>
    <t>723069-99999-1993.gz</t>
  </si>
  <si>
    <t>725220-14750-2009.gz</t>
  </si>
  <si>
    <t>FREEWAY 2</t>
  </si>
  <si>
    <t>724973-93203-2014.gz</t>
  </si>
  <si>
    <t xml:space="preserve">AVE 25  / RD 11          </t>
  </si>
  <si>
    <t>724815-23257-2007.gz</t>
  </si>
  <si>
    <t>WENDY</t>
  </si>
  <si>
    <t>723895-99999-1999.gz</t>
  </si>
  <si>
    <t>CREW CAB</t>
  </si>
  <si>
    <t>727640-24011-2005.gz</t>
  </si>
  <si>
    <t>723566-93950-1994.gz</t>
  </si>
  <si>
    <t>723566-93950-2015.gz</t>
  </si>
  <si>
    <t>HWY 77A</t>
  </si>
  <si>
    <t>BITTER</t>
  </si>
  <si>
    <t>ELK TRACE</t>
  </si>
  <si>
    <t>FY2002-FLOYD-087</t>
  </si>
  <si>
    <t>723200-93801-2002.gz</t>
  </si>
  <si>
    <t>722170-03813-2004.gz</t>
  </si>
  <si>
    <t>724236-03889-1999.gz</t>
  </si>
  <si>
    <t>HARLOW SPRINGS</t>
  </si>
  <si>
    <t>FIGHTER</t>
  </si>
  <si>
    <t>727675-94011-2006.gz</t>
  </si>
  <si>
    <t>COLSTON</t>
  </si>
  <si>
    <t>720298-53971-2013.gz</t>
  </si>
  <si>
    <t>747910-13717-1993.gz</t>
  </si>
  <si>
    <t>720296-53945-2007.gz</t>
  </si>
  <si>
    <t>722225-03855-2004.gz</t>
  </si>
  <si>
    <t>FY2000-COOK-072</t>
  </si>
  <si>
    <t>727478-04934-2008.gz</t>
  </si>
  <si>
    <t>LEFT FORK MILL CREEK</t>
  </si>
  <si>
    <t>720353-63875-2007.gz</t>
  </si>
  <si>
    <t>JEAN FIRE</t>
  </si>
  <si>
    <t>724236-03889-1997.gz</t>
  </si>
  <si>
    <t>722175-13860-2007.gz</t>
  </si>
  <si>
    <t>HONDO</t>
  </si>
  <si>
    <t>723654-99999-2001.gz</t>
  </si>
  <si>
    <t>JA RANCH - HALLS CREEK FIRE</t>
  </si>
  <si>
    <t>723630-23047-2011.gz</t>
  </si>
  <si>
    <t>WINCHESTER - REKINDLE 2</t>
  </si>
  <si>
    <t>722600-03969-2013.gz</t>
  </si>
  <si>
    <t>1947 RAGLAND GULLY RD, AL</t>
  </si>
  <si>
    <t>722300-99999-2000.gz</t>
  </si>
  <si>
    <t>723235-13896-1993.gz</t>
  </si>
  <si>
    <t>LEFT HAND</t>
  </si>
  <si>
    <t>723754-93027-2013.gz</t>
  </si>
  <si>
    <t>747960-12804-1992.gz</t>
  </si>
  <si>
    <t>XMASBEAR1</t>
  </si>
  <si>
    <t>722090-99999-1992.gz</t>
  </si>
  <si>
    <t>994260-99999-2000.gz</t>
  </si>
  <si>
    <t>MANDER</t>
  </si>
  <si>
    <t>722484-53905-2014.gz</t>
  </si>
  <si>
    <t>INC. 705</t>
  </si>
  <si>
    <t>SPORTS PARK</t>
  </si>
  <si>
    <t>722540-13904-2009.gz</t>
  </si>
  <si>
    <t>722050-12815-1995.gz</t>
  </si>
  <si>
    <t>722300-53864-2010.gz</t>
  </si>
  <si>
    <t>722536-12911-2007.gz</t>
  </si>
  <si>
    <t>UPS FIRE</t>
  </si>
  <si>
    <t>722079-53888-2010.gz</t>
  </si>
  <si>
    <t>NORTHSIDE MM-46</t>
  </si>
  <si>
    <t>722499-99999-1992.gz</t>
  </si>
  <si>
    <t>MI</t>
  </si>
  <si>
    <t>727430-94850-1995.gz</t>
  </si>
  <si>
    <t>FY2016-HOUSTON-003</t>
  </si>
  <si>
    <t>722175-13860-2015.gz</t>
  </si>
  <si>
    <t>723403-13963-1999.gz</t>
  </si>
  <si>
    <t>722120-12833-1993.gz</t>
  </si>
  <si>
    <t>727486-99999-2005.gz</t>
  </si>
  <si>
    <t>GRAPE</t>
  </si>
  <si>
    <t>723145-03810-2001.gz</t>
  </si>
  <si>
    <t>1603 17 MILE FIRE</t>
  </si>
  <si>
    <t>726720-24061-2012.gz</t>
  </si>
  <si>
    <t>722320-12884-1999.gz</t>
  </si>
  <si>
    <t>SOUTHSIDE</t>
  </si>
  <si>
    <t>WEBBER</t>
  </si>
  <si>
    <t>725570-14943-2000.gz</t>
  </si>
  <si>
    <t>722747-99999-1993.gz</t>
  </si>
  <si>
    <t>3804 SMITH RD</t>
  </si>
  <si>
    <t>743312-53925-2014.gz</t>
  </si>
  <si>
    <t>SENECA FIRE</t>
  </si>
  <si>
    <t>724165-03725-2009.gz</t>
  </si>
  <si>
    <t>THOMPSON</t>
  </si>
  <si>
    <t>720301-63846-2008.gz</t>
  </si>
  <si>
    <t>6962 FM1692 NORTH</t>
  </si>
  <si>
    <t>723628-93942-2010.gz</t>
  </si>
  <si>
    <t>SHEEP PASTURE ROAD FIRE</t>
  </si>
  <si>
    <t>746929-03702-2010.gz</t>
  </si>
  <si>
    <t>TOWN HILL</t>
  </si>
  <si>
    <t>724117-63802-2013.gz</t>
  </si>
  <si>
    <t>9N CORN</t>
  </si>
  <si>
    <t>722241-54925-2010.gz</t>
  </si>
  <si>
    <t>HAY BALE FIRE</t>
  </si>
  <si>
    <t>722588-13926-2010.gz</t>
  </si>
  <si>
    <t xml:space="preserve">MEADOW                   </t>
  </si>
  <si>
    <t>997341-99999-2010.gz</t>
  </si>
  <si>
    <t>FY2014-WALKER-051</t>
  </si>
  <si>
    <t>723200-93801-2014.gz</t>
  </si>
  <si>
    <t>722166-93845-2005.gz</t>
  </si>
  <si>
    <t>SESSOM</t>
  </si>
  <si>
    <t>720659-00239-2011.gz</t>
  </si>
  <si>
    <t>999999-64705-2002.gz</t>
  </si>
  <si>
    <t xml:space="preserve">ROADSIDE                 </t>
  </si>
  <si>
    <t>724815-99999-2001.gz</t>
  </si>
  <si>
    <t>722230-13894-1993.gz</t>
  </si>
  <si>
    <t>SHAWN</t>
  </si>
  <si>
    <t>727573-94928-2010.gz</t>
  </si>
  <si>
    <t>GRASS/WOODS HANNER RD</t>
  </si>
  <si>
    <t>722499-53948-2012.gz</t>
  </si>
  <si>
    <t>726450-14898-1996.gz</t>
  </si>
  <si>
    <t>725610-24030-2007.gz</t>
  </si>
  <si>
    <t>SQUAWCREEK</t>
  </si>
  <si>
    <t>725835-99999-2001.gz</t>
  </si>
  <si>
    <t>723307-99999-1994.gz</t>
  </si>
  <si>
    <t>722359-13978-2000.gz</t>
  </si>
  <si>
    <t>724354-99999-2001.gz</t>
  </si>
  <si>
    <t>723145-03810-1993.gz</t>
  </si>
  <si>
    <t>722051-53932-2009.gz</t>
  </si>
  <si>
    <t>720632-00218-2010.gz</t>
  </si>
  <si>
    <t>722484-99999-1995.gz</t>
  </si>
  <si>
    <t>722312-99999-2005.gz</t>
  </si>
  <si>
    <t>NER-20150920-003</t>
  </si>
  <si>
    <t>747807-03821-2015.gz</t>
  </si>
  <si>
    <t>722359-13978-2005.gz</t>
  </si>
  <si>
    <t>722230-13894-2003.gz</t>
  </si>
  <si>
    <t>MS0    1010-5151026005</t>
  </si>
  <si>
    <t>722354-13927-2010.gz</t>
  </si>
  <si>
    <t>722359-13978-2001.gz</t>
  </si>
  <si>
    <t>ROLLF</t>
  </si>
  <si>
    <t>724973-99999-2004.gz</t>
  </si>
  <si>
    <t>FLAT TOP</t>
  </si>
  <si>
    <t>722133-53946-2008.gz</t>
  </si>
  <si>
    <t>723100-13883-1997.gz</t>
  </si>
  <si>
    <t>723200-93801-1999.gz</t>
  </si>
  <si>
    <t>GABLE FIRE</t>
  </si>
  <si>
    <t>720393-00129-2011.gz</t>
  </si>
  <si>
    <t>723403-13963-2015.gz</t>
  </si>
  <si>
    <t>722363-23098-2006.gz</t>
  </si>
  <si>
    <t>722268-93843-1998.gz</t>
  </si>
  <si>
    <t>727474-99999-2004.gz</t>
  </si>
  <si>
    <t>722348-99999-1992.gz</t>
  </si>
  <si>
    <t>HORSETHIEF</t>
  </si>
  <si>
    <t>FM 368 &amp; HWY 25</t>
  </si>
  <si>
    <t>720404-00134-2013.gz</t>
  </si>
  <si>
    <t>NH</t>
  </si>
  <si>
    <t>744904-99999-1992.gz</t>
  </si>
  <si>
    <t>NER-20151126-003</t>
  </si>
  <si>
    <t>720508-99999-2015.gz</t>
  </si>
  <si>
    <t xml:space="preserve">ROADSIDE #109            </t>
  </si>
  <si>
    <t>724815-99999-1994.gz</t>
  </si>
  <si>
    <t>STUMP FIRE</t>
  </si>
  <si>
    <t>723065-99999-2002.gz</t>
  </si>
  <si>
    <t>723245-99999-1999.gz</t>
  </si>
  <si>
    <t>COON CREEK FIRE</t>
  </si>
  <si>
    <t>720958-99999-2013.gz</t>
  </si>
  <si>
    <t>725180-14735-2007.gz</t>
  </si>
  <si>
    <t>OAK</t>
  </si>
  <si>
    <t>725905-23275-2009.gz</t>
  </si>
  <si>
    <t xml:space="preserve">PRESTON                  </t>
  </si>
  <si>
    <t>724926-23258-2008.gz</t>
  </si>
  <si>
    <t>720287-53967-2008.gz</t>
  </si>
  <si>
    <t>TH1714</t>
  </si>
  <si>
    <t>ADA STROUD RD FIRE</t>
  </si>
  <si>
    <t>723066-13713-2010.gz</t>
  </si>
  <si>
    <t>724236-03889-2001.gz</t>
  </si>
  <si>
    <t>EIDSNESS</t>
  </si>
  <si>
    <t>723035-99999-1994.gz</t>
  </si>
  <si>
    <t>725025-94741-2006.gz</t>
  </si>
  <si>
    <t>MS0    1010-6540308003</t>
  </si>
  <si>
    <t xml:space="preserve">"BAKER, K."              </t>
  </si>
  <si>
    <t>725920-24257-1996.gz</t>
  </si>
  <si>
    <t>722542-03999-2006.gz</t>
  </si>
  <si>
    <t>SWEENEY</t>
  </si>
  <si>
    <t>999999-73801-2012.gz</t>
  </si>
  <si>
    <t>GB2 FIRE</t>
  </si>
  <si>
    <t>722090-03875-2006.gz</t>
  </si>
  <si>
    <t>SWR-20141213-004</t>
  </si>
  <si>
    <t>998196-99999-2014.gz</t>
  </si>
  <si>
    <t>785140-11603-2006.gz</t>
  </si>
  <si>
    <t>722447-53903-2014.gz</t>
  </si>
  <si>
    <t>WARD ROAD</t>
  </si>
  <si>
    <t>727810-24243-2007.gz</t>
  </si>
  <si>
    <t>STANLEY</t>
  </si>
  <si>
    <t>NJ</t>
  </si>
  <si>
    <t>724088-13707-2006.gz</t>
  </si>
  <si>
    <t>CADE</t>
  </si>
  <si>
    <t>725955-24259-2005.gz</t>
  </si>
  <si>
    <t>722350-03940-2000.gz</t>
  </si>
  <si>
    <t>SHEEP</t>
  </si>
  <si>
    <t>722887-03180-2011.gz</t>
  </si>
  <si>
    <t>FM 730 4-15-11</t>
  </si>
  <si>
    <t>720305-53964-2011.gz</t>
  </si>
  <si>
    <t>722499-99999-2002.gz</t>
  </si>
  <si>
    <t>722588-13926-2008.gz</t>
  </si>
  <si>
    <t>722090-99999-1997.gz</t>
  </si>
  <si>
    <t>A00019</t>
  </si>
  <si>
    <t>13-0000357</t>
  </si>
  <si>
    <t>722470-03901-2013.gz</t>
  </si>
  <si>
    <t>THUMB</t>
  </si>
  <si>
    <t>723760-99999-2001.gz</t>
  </si>
  <si>
    <t>785265-00494-2011.gz</t>
  </si>
  <si>
    <t>722053-12841-1993.gz</t>
  </si>
  <si>
    <t>HOPE RD FIRE</t>
  </si>
  <si>
    <t>720634-00220-2011.gz</t>
  </si>
  <si>
    <t>GW1BLKFOOT</t>
  </si>
  <si>
    <t>FY2011-UPSON-070</t>
  </si>
  <si>
    <t>747806-63809-2011.gz</t>
  </si>
  <si>
    <t>723147-53870-2008.gz</t>
  </si>
  <si>
    <t>ZURFLUH GRASS FIRE</t>
  </si>
  <si>
    <t>726945-24202-2014.gz</t>
  </si>
  <si>
    <t>725157-54757-2006.gz</t>
  </si>
  <si>
    <t>722285-99999-2001.gz</t>
  </si>
  <si>
    <t>722193-03722-2006.gz</t>
  </si>
  <si>
    <t>WINDY</t>
  </si>
  <si>
    <t>BEN LILLY</t>
  </si>
  <si>
    <t>FY2011-GLYNN-044</t>
  </si>
  <si>
    <t>722136-53883-2011.gz</t>
  </si>
  <si>
    <t>722055-12861-2006.gz</t>
  </si>
  <si>
    <t>CR 1816</t>
  </si>
  <si>
    <t>720295-53972-2010.gz</t>
  </si>
  <si>
    <t>FY2012-STEPHENS-013</t>
  </si>
  <si>
    <t>749483-00394-2012.gz</t>
  </si>
  <si>
    <t>BOULDER DRIVE</t>
  </si>
  <si>
    <t>722280-13876-2004.gz</t>
  </si>
  <si>
    <t>MM 141</t>
  </si>
  <si>
    <t>725805-24172-2014.gz</t>
  </si>
  <si>
    <t>SURVEY</t>
  </si>
  <si>
    <t>726763-99999-2000.gz</t>
  </si>
  <si>
    <t>722287-13871-1996.gz</t>
  </si>
  <si>
    <t>725626-24091-2009.gz</t>
  </si>
  <si>
    <t>722230-13894-2006.gz</t>
  </si>
  <si>
    <t>A00023</t>
  </si>
  <si>
    <t>A00023-63890-2007.gz</t>
  </si>
  <si>
    <t>722230-13894-2005.gz</t>
  </si>
  <si>
    <t>724140-13866-2010.gz</t>
  </si>
  <si>
    <t>747580-13978-2007.gz</t>
  </si>
  <si>
    <t>722200-12832-2007.gz</t>
  </si>
  <si>
    <t>720265-63833-2006.gz</t>
  </si>
  <si>
    <t>DOOLEN'S RIDGE</t>
  </si>
  <si>
    <t>722044-53930-2013.gz</t>
  </si>
  <si>
    <t>722235-13838-1995.gz</t>
  </si>
  <si>
    <t>KS</t>
  </si>
  <si>
    <t>724565-13920-2015.gz</t>
  </si>
  <si>
    <t>NWR-20120305-001</t>
  </si>
  <si>
    <t>722286-93806-2012.gz</t>
  </si>
  <si>
    <t>722265-13821-1998.gz</t>
  </si>
  <si>
    <t>BROKEN AXLE FIRE</t>
  </si>
  <si>
    <t>723069-93753-2011.gz</t>
  </si>
  <si>
    <t>722265-13821-2006.gz</t>
  </si>
  <si>
    <t xml:space="preserve">BELMONT                  </t>
  </si>
  <si>
    <t>I-5 MP 58</t>
  </si>
  <si>
    <t>725970-24225-2008.gz</t>
  </si>
  <si>
    <t>BENNY'S BEST</t>
  </si>
  <si>
    <t>725038-14714-2008.gz</t>
  </si>
  <si>
    <t>RL007</t>
  </si>
  <si>
    <t>727550-99999-2003.gz</t>
  </si>
  <si>
    <t>121675-05161-03152015-1400</t>
  </si>
  <si>
    <t>747930-99999-2001.gz</t>
  </si>
  <si>
    <t>JOHN VANN</t>
  </si>
  <si>
    <t>722133-53946-2012.gz</t>
  </si>
  <si>
    <t>EGGERS</t>
  </si>
  <si>
    <t>7 days 00:00:00.000000000</t>
  </si>
  <si>
    <t>723449-99999-1995.gz</t>
  </si>
  <si>
    <t>FY2015-BALDWIN-004</t>
  </si>
  <si>
    <t>720348-63886-2014.gz</t>
  </si>
  <si>
    <t>726555-99999-1996.gz</t>
  </si>
  <si>
    <t>VOLT CIRCLE</t>
  </si>
  <si>
    <t>723055-63816-2010.gz</t>
  </si>
  <si>
    <t>OLD 70</t>
  </si>
  <si>
    <t>722542-03999-2007.gz</t>
  </si>
  <si>
    <t>722090-03875-2007.gz</t>
  </si>
  <si>
    <t>RIVER</t>
  </si>
  <si>
    <t>722506-12959-2003.gz</t>
  </si>
  <si>
    <t>723200-93801-1994.gz</t>
  </si>
  <si>
    <t>GRASS 2012-9</t>
  </si>
  <si>
    <t>0412111 GRASS FIRE</t>
  </si>
  <si>
    <t>FY2002-BROOKS-057</t>
  </si>
  <si>
    <t>727926-99999-1992.gz</t>
  </si>
  <si>
    <t>722470-03901-2003.gz</t>
  </si>
  <si>
    <t>722170-03813-1995.gz</t>
  </si>
  <si>
    <t xml:space="preserve">PG&amp;E #30                 </t>
  </si>
  <si>
    <t>723890-93193-1995.gz</t>
  </si>
  <si>
    <t>722821-53988-2009.gz</t>
  </si>
  <si>
    <t>CEDAR GAP</t>
  </si>
  <si>
    <t>723350-13877-2005.gz</t>
  </si>
  <si>
    <t>722350-03940-1994.gz</t>
  </si>
  <si>
    <t>LIVINGSTON - 226</t>
  </si>
  <si>
    <t>724462-03073-2011.gz</t>
  </si>
  <si>
    <t>722334-03976-2009.gz</t>
  </si>
  <si>
    <t>720274-93799-2008.gz</t>
  </si>
  <si>
    <t>727873-99999-1999.gz</t>
  </si>
  <si>
    <t>747910-13717-1995.gz</t>
  </si>
  <si>
    <t>722255-93842-2004.gz</t>
  </si>
  <si>
    <t>DOUGHERTY RD / BOLLINGER</t>
  </si>
  <si>
    <t>900 CR 147</t>
  </si>
  <si>
    <t>722666-93943-2009.gz</t>
  </si>
  <si>
    <t>GILBERT WOODS</t>
  </si>
  <si>
    <t>726409-99999-2005.gz</t>
  </si>
  <si>
    <t>725145-54746-2007.gz</t>
  </si>
  <si>
    <t>725036-14757-2010.gz</t>
  </si>
  <si>
    <t>722235-13838-1996.gz</t>
  </si>
  <si>
    <t>723124-99999-2005.gz</t>
  </si>
  <si>
    <t xml:space="preserve">RANCHO SAN CARLOS #2     </t>
  </si>
  <si>
    <t>724915-23245-1992.gz</t>
  </si>
  <si>
    <t>CANTON AND 25TH, S.</t>
  </si>
  <si>
    <t>720276-12983-2010.gz</t>
  </si>
  <si>
    <t>OTA 14</t>
  </si>
  <si>
    <t>726815-24106-2013.gz</t>
  </si>
  <si>
    <t>723346-03811-2008.gz</t>
  </si>
  <si>
    <t>722166-93845-2006.gz</t>
  </si>
  <si>
    <t>722745-23109-1992.gz</t>
  </si>
  <si>
    <t>722112-53982-2006.gz</t>
  </si>
  <si>
    <t>NAVAJO 1</t>
  </si>
  <si>
    <t>723627-23081-2009.gz</t>
  </si>
  <si>
    <t>MS0    0808-4550210010</t>
  </si>
  <si>
    <t>722138-63852-2008.gz</t>
  </si>
  <si>
    <t>724508-03997-2015.gz</t>
  </si>
  <si>
    <t>LEANDRO</t>
  </si>
  <si>
    <t>723663-99999-2001.gz</t>
  </si>
  <si>
    <t>TERRY VAUGHN</t>
  </si>
  <si>
    <t>720314-93983-2009.gz</t>
  </si>
  <si>
    <t>SECO</t>
  </si>
  <si>
    <t>690020-93218-1995.gz</t>
  </si>
  <si>
    <t>CROCKER 2</t>
  </si>
  <si>
    <t>723840-23155-2011.gz</t>
  </si>
  <si>
    <t>723235-13896-1999.gz</t>
  </si>
  <si>
    <t>723100-13883-2002.gz</t>
  </si>
  <si>
    <t>BAR</t>
  </si>
  <si>
    <t>749486-00397-2013.gz</t>
  </si>
  <si>
    <t>723124-99999-2001.gz</t>
  </si>
  <si>
    <t>WC 3-04-1</t>
  </si>
  <si>
    <t>SHELLEY LANE FIRE</t>
  </si>
  <si>
    <t>722539-99999-2005.gz</t>
  </si>
  <si>
    <t>ME</t>
  </si>
  <si>
    <t>723340-13893-1995.gz</t>
  </si>
  <si>
    <t>CAL-PAC 17</t>
  </si>
  <si>
    <t>725945-24283-1998.gz</t>
  </si>
  <si>
    <t>722486-13942-2000.gz</t>
  </si>
  <si>
    <t>725050-04781-2006.gz</t>
  </si>
  <si>
    <t>747688-53858-2014.gz</t>
  </si>
  <si>
    <t>724088-13707-1998.gz</t>
  </si>
  <si>
    <t>RL385</t>
  </si>
  <si>
    <t>727505-99999-2000.gz</t>
  </si>
  <si>
    <t>FY2014-LAMAR-007</t>
  </si>
  <si>
    <t>720966-00339-2013.gz</t>
  </si>
  <si>
    <t>IL</t>
  </si>
  <si>
    <t>725317-53802-2010.gz</t>
  </si>
  <si>
    <t>DAILY</t>
  </si>
  <si>
    <t>727684-94051-2014.gz</t>
  </si>
  <si>
    <t>994220-99999-1997.gz</t>
  </si>
  <si>
    <t>ESCAPE08</t>
  </si>
  <si>
    <t>725895-99999-2000.gz</t>
  </si>
  <si>
    <t>LIMPY</t>
  </si>
  <si>
    <t>723144-99999-2005.gz</t>
  </si>
  <si>
    <t>CARVER CEMETERY</t>
  </si>
  <si>
    <t>720449-99999-2015.gz</t>
  </si>
  <si>
    <t>WILLOW CREEK</t>
  </si>
  <si>
    <t>727684-94051-2006.gz</t>
  </si>
  <si>
    <t>726184-99999-1999.gz</t>
  </si>
  <si>
    <t>FOURMILE</t>
  </si>
  <si>
    <t>725825-24121-2012.gz</t>
  </si>
  <si>
    <t>PRESTON GIVENS</t>
  </si>
  <si>
    <t>720344-54920-2013.gz</t>
  </si>
  <si>
    <t>722448-99999-1993.gz</t>
  </si>
  <si>
    <t>WILSON</t>
  </si>
  <si>
    <t>19 days 00:00:00.000000000</t>
  </si>
  <si>
    <t>727795-99999-2001.gz</t>
  </si>
  <si>
    <t>MILE MARKER FIVE 5</t>
  </si>
  <si>
    <t>OH</t>
  </si>
  <si>
    <t>724286-93824-2008.gz</t>
  </si>
  <si>
    <t>OLD HWY 27</t>
  </si>
  <si>
    <t>724354-99999-2004.gz</t>
  </si>
  <si>
    <t>722216-99999-2007.gz</t>
  </si>
  <si>
    <t>FY2002-DOOLY-024</t>
  </si>
  <si>
    <t>722170-03813-2001.gz</t>
  </si>
  <si>
    <t>724870-99999-2004.gz</t>
  </si>
  <si>
    <t>CHRISTOPHER</t>
  </si>
  <si>
    <t>723745-00374-2010.gz</t>
  </si>
  <si>
    <t>PGE #2</t>
  </si>
  <si>
    <t>723896-99999-2005.gz</t>
  </si>
  <si>
    <t>CON6029750</t>
  </si>
  <si>
    <t>723429-53920-2014.gz</t>
  </si>
  <si>
    <t>723116-99999-2003.gz</t>
  </si>
  <si>
    <t>726515-94902-2006.gz</t>
  </si>
  <si>
    <t>726603-99999-1998.gz</t>
  </si>
  <si>
    <t>SANDER'S</t>
  </si>
  <si>
    <t>LEVEE RD</t>
  </si>
  <si>
    <t>KENSINGTON</t>
  </si>
  <si>
    <t>725628-99999-1999.gz</t>
  </si>
  <si>
    <t>722090-99999-1993.gz</t>
  </si>
  <si>
    <t>722444-99999-2000.gz</t>
  </si>
  <si>
    <t>723200-93801-2004.gz</t>
  </si>
  <si>
    <t xml:space="preserve">SIERRA PACIFIC           </t>
  </si>
  <si>
    <t>724973-99999-1997.gz</t>
  </si>
  <si>
    <t>722486-13942-1998.gz</t>
  </si>
  <si>
    <t>BN#3</t>
  </si>
  <si>
    <t>722348-99999-1996.gz</t>
  </si>
  <si>
    <t>CIG</t>
  </si>
  <si>
    <t>720339-00121-2010.gz</t>
  </si>
  <si>
    <t>010-244</t>
  </si>
  <si>
    <t>720299-53966-2010.gz</t>
  </si>
  <si>
    <t>725636-24017-1992.gz</t>
  </si>
  <si>
    <t>722666-93943-2008.gz</t>
  </si>
  <si>
    <t>RICHARD DAVIS</t>
  </si>
  <si>
    <t>722447-53903-2010.gz</t>
  </si>
  <si>
    <t>FY2002-TAYLOR-040</t>
  </si>
  <si>
    <t>747806-99999-2002.gz</t>
  </si>
  <si>
    <t>3 MILE CREEK</t>
  </si>
  <si>
    <t>HELPMEJACK LAKES</t>
  </si>
  <si>
    <t>12 days 00:00:00.000000000</t>
  </si>
  <si>
    <t>701730-26535-2011.gz</t>
  </si>
  <si>
    <t>723403-13963-2012.gz</t>
  </si>
  <si>
    <t>723566-93950-1995.gz</t>
  </si>
  <si>
    <t>747910-13717-1994.gz</t>
  </si>
  <si>
    <t xml:space="preserve">MARIN                    </t>
  </si>
  <si>
    <t>722866-23122-1992.gz</t>
  </si>
  <si>
    <t>722113-53979-2005.gz</t>
  </si>
  <si>
    <t>BOULDER</t>
  </si>
  <si>
    <t>725864-99999-2003.gz</t>
  </si>
  <si>
    <t>COOKIE  (4060)</t>
  </si>
  <si>
    <t>722666-93943-2011.gz</t>
  </si>
  <si>
    <t>690190-13910-2005.gz</t>
  </si>
  <si>
    <t>999999-94943-2005.gz</t>
  </si>
  <si>
    <t>722062-63842-2007.gz</t>
  </si>
  <si>
    <t>WEITAS</t>
  </si>
  <si>
    <t>725784-99999-1998.gz</t>
  </si>
  <si>
    <t>RUSH FK.</t>
  </si>
  <si>
    <t>724273-03804-2001.gz</t>
  </si>
  <si>
    <t>723265-03847-2001.gz</t>
  </si>
  <si>
    <t>CASITAS</t>
  </si>
  <si>
    <t>722600-03969-2008.gz</t>
  </si>
  <si>
    <t>747806-99999-2005.gz</t>
  </si>
  <si>
    <t>999999-54918-2013.gz</t>
  </si>
  <si>
    <t>722359-13978-1992.gz</t>
  </si>
  <si>
    <t>723148-63859-2009.gz</t>
  </si>
  <si>
    <t>SHOE</t>
  </si>
  <si>
    <t>726815-24106-2015.gz</t>
  </si>
  <si>
    <t>#9</t>
  </si>
  <si>
    <t>723400-03952-2010.gz</t>
  </si>
  <si>
    <t>722745-99999-2004.gz</t>
  </si>
  <si>
    <t>SCOTLAND FIRE</t>
  </si>
  <si>
    <t>720404-00134-2009.gz</t>
  </si>
  <si>
    <t xml:space="preserve">SLU-2359                 </t>
  </si>
  <si>
    <t>722897-99999-1992.gz</t>
  </si>
  <si>
    <t>725525-94949-2013.gz</t>
  </si>
  <si>
    <t>HAUSER</t>
  </si>
  <si>
    <t>726545-94950-2011.gz</t>
  </si>
  <si>
    <t>OTA 127</t>
  </si>
  <si>
    <t>726815-24106-2011.gz</t>
  </si>
  <si>
    <t>MULLET CREEK</t>
  </si>
  <si>
    <t>726506-04840-2003.gz</t>
  </si>
  <si>
    <t>BALLI</t>
  </si>
  <si>
    <t>722159-12980-2009.gz</t>
  </si>
  <si>
    <t>745431-03998-2015.gz</t>
  </si>
  <si>
    <t>722348-99999-2002.gz</t>
  </si>
  <si>
    <t>SAIN 13485</t>
  </si>
  <si>
    <t>723346-03811-2009.gz</t>
  </si>
  <si>
    <t>OVERMAN ROAD FIRE</t>
  </si>
  <si>
    <t>723066-99999-2002.gz</t>
  </si>
  <si>
    <t>723425-00373-2007.gz</t>
  </si>
  <si>
    <t>MAJOR</t>
  </si>
  <si>
    <t>724756-23159-1993.gz</t>
  </si>
  <si>
    <t>SHIPROCK 1</t>
  </si>
  <si>
    <t>723658-23090-2009.gz</t>
  </si>
  <si>
    <t>DOYLE</t>
  </si>
  <si>
    <t>724880-23185-1996.gz</t>
  </si>
  <si>
    <t>ROLLING GREEN</t>
  </si>
  <si>
    <t>I/20</t>
  </si>
  <si>
    <t>720578-00176-2010.gz</t>
  </si>
  <si>
    <t xml:space="preserve">VALLEY                   </t>
  </si>
  <si>
    <t>723895-99999-1996.gz</t>
  </si>
  <si>
    <t>722312-99999-2002.gz</t>
  </si>
  <si>
    <t>725196-64775-2010.gz</t>
  </si>
  <si>
    <t>PHOEBE ISLAND</t>
  </si>
  <si>
    <t>727454-99999-2002.gz</t>
  </si>
  <si>
    <t>722286-93806-1997.gz</t>
  </si>
  <si>
    <t>722880-23152-2013.gz</t>
  </si>
  <si>
    <t>ARLENE</t>
  </si>
  <si>
    <t>G</t>
  </si>
  <si>
    <t>6 days 00:00:00.000000000</t>
  </si>
  <si>
    <t>CALISTA</t>
  </si>
  <si>
    <t>WELL</t>
  </si>
  <si>
    <t>722080-13880-1996.gz</t>
  </si>
  <si>
    <t>726404-99999-1997.gz</t>
  </si>
  <si>
    <t>725146-99999-2000.gz</t>
  </si>
  <si>
    <t>723566-93950-2004.gz</t>
  </si>
  <si>
    <t>CRANE CREEK #2</t>
  </si>
  <si>
    <t>FENCEMAKER</t>
  </si>
  <si>
    <t>725805-24172-1994.gz</t>
  </si>
  <si>
    <t>720276-12983-2007.gz</t>
  </si>
  <si>
    <t>722338-12994-2008.gz</t>
  </si>
  <si>
    <t>CLEAR CUT</t>
  </si>
  <si>
    <t>BEAR</t>
  </si>
  <si>
    <t>FY2000-POLK-105</t>
  </si>
  <si>
    <t>US87N</t>
  </si>
  <si>
    <t>723628-93942-2012.gz</t>
  </si>
  <si>
    <t>727790-24146-1992.gz</t>
  </si>
  <si>
    <t xml:space="preserve">RIVER 2                  </t>
  </si>
  <si>
    <t>724800-23157-2004.gz</t>
  </si>
  <si>
    <t xml:space="preserve">PG&amp;E # 11                </t>
  </si>
  <si>
    <t>724920-23237-2004.gz</t>
  </si>
  <si>
    <t>DOG FIRE</t>
  </si>
  <si>
    <t>727457-99999-1999.gz</t>
  </si>
  <si>
    <t>LICK CREEK</t>
  </si>
  <si>
    <t>722177-63811-2007.gz</t>
  </si>
  <si>
    <t>722166-93845-2009.gz</t>
  </si>
  <si>
    <t>SIDE OF ROAD</t>
  </si>
  <si>
    <t>720577-00175-2015.gz</t>
  </si>
  <si>
    <t>720979-99999-2013.gz</t>
  </si>
  <si>
    <t>723107-00371-2011.gz</t>
  </si>
  <si>
    <t>DEVIL</t>
  </si>
  <si>
    <t>FY2000-GRADY-073</t>
  </si>
  <si>
    <t>722536-12911-2005.gz</t>
  </si>
  <si>
    <t>720541-53806-2012.gz</t>
  </si>
  <si>
    <t>18TH AVE NE (11)</t>
  </si>
  <si>
    <t>722038-12897-2014.gz</t>
  </si>
  <si>
    <t>727478-99999-2004.gz</t>
  </si>
  <si>
    <t>725290-14768-2003.gz</t>
  </si>
  <si>
    <t>722085-93831-2009.gz</t>
  </si>
  <si>
    <t>723143-99999-2005.gz</t>
  </si>
  <si>
    <t>CARROL FIRE</t>
  </si>
  <si>
    <t>720391-00127-2014.gz</t>
  </si>
  <si>
    <t>720776-99999-2015.gz</t>
  </si>
  <si>
    <t>MS0    0909-4230622001</t>
  </si>
  <si>
    <t>722138-63852-2009.gz</t>
  </si>
  <si>
    <t>KENTUCKY</t>
  </si>
  <si>
    <t>724620-23061-2000.gz</t>
  </si>
  <si>
    <t>723759-99999-2005.gz</t>
  </si>
  <si>
    <t>SULPHUR CREEK</t>
  </si>
  <si>
    <t>723435-53921-2011.gz</t>
  </si>
  <si>
    <t>KANARRA SOUTH</t>
  </si>
  <si>
    <t>999999-99999-1995.gz</t>
  </si>
  <si>
    <t>722042-99999-2005.gz</t>
  </si>
  <si>
    <t>724250-03860-2009.gz</t>
  </si>
  <si>
    <t>726588-04956-2014.gz</t>
  </si>
  <si>
    <t>722404-13941-2005.gz</t>
  </si>
  <si>
    <t>FY2015-SEMINOLE-001</t>
  </si>
  <si>
    <t>720268-53882-2014.gz</t>
  </si>
  <si>
    <t>723449-99999-1999.gz</t>
  </si>
  <si>
    <t>723620-93040-2007.gz</t>
  </si>
  <si>
    <t>COLUMBIA</t>
  </si>
  <si>
    <t>726084-99999-1992.gz</t>
  </si>
  <si>
    <t>722486-13942-2005.gz</t>
  </si>
  <si>
    <t>2360 NORTH</t>
  </si>
  <si>
    <t>723148-99999-2005.gz</t>
  </si>
  <si>
    <t>726228-99999-2004.gz</t>
  </si>
  <si>
    <t>MS0    0808-3330209020</t>
  </si>
  <si>
    <t>722348-53808-2008.gz</t>
  </si>
  <si>
    <t>POWERPLANT</t>
  </si>
  <si>
    <t>725866-99999-2000.gz</t>
  </si>
  <si>
    <t>SKU CANAL</t>
  </si>
  <si>
    <t>725955-99999-2000.gz</t>
  </si>
  <si>
    <t>MALKUS II</t>
  </si>
  <si>
    <t>MD</t>
  </si>
  <si>
    <t>720298-53971-2008.gz</t>
  </si>
  <si>
    <t xml:space="preserve">PG&amp;E #23                 </t>
  </si>
  <si>
    <t>724915-23245-1996.gz</t>
  </si>
  <si>
    <t>711680-99999-2011.gz</t>
  </si>
  <si>
    <t>722287-13871-1998.gz</t>
  </si>
  <si>
    <t>FY2002-CARROLL-037</t>
  </si>
  <si>
    <t>722287-13871-2001.gz</t>
  </si>
  <si>
    <t>722322-00361-2006.gz</t>
  </si>
  <si>
    <t>723307-99999-2002.gz</t>
  </si>
  <si>
    <t>RIDGE CREEK</t>
  </si>
  <si>
    <t>722024-99999-1994.gz</t>
  </si>
  <si>
    <t>KIEFAT</t>
  </si>
  <si>
    <t>720947-99999-2012.gz</t>
  </si>
  <si>
    <t>BRIMESTONE</t>
  </si>
  <si>
    <t>723246-53868-2007.gz</t>
  </si>
  <si>
    <t>KENNEDY</t>
  </si>
  <si>
    <t>ROBERTS BUTTE</t>
  </si>
  <si>
    <t>OLD TIMER</t>
  </si>
  <si>
    <t>727720-24144-1994.gz</t>
  </si>
  <si>
    <t>722404-13941-2006.gz</t>
  </si>
  <si>
    <t>BRIDGE</t>
  </si>
  <si>
    <t>725905-23275-2010.gz</t>
  </si>
  <si>
    <t>722085-93831-2014.gz</t>
  </si>
  <si>
    <t>747805-99999-2004.gz</t>
  </si>
  <si>
    <t>DONALD</t>
  </si>
  <si>
    <t>722018-03818-1999.gz</t>
  </si>
  <si>
    <t>PEARL DRIVE</t>
  </si>
  <si>
    <t>723037-93765-2011.gz</t>
  </si>
  <si>
    <t>T</t>
  </si>
  <si>
    <t>725784-99999-2003.gz</t>
  </si>
  <si>
    <t>722484-53905-2008.gz</t>
  </si>
  <si>
    <t>723556-93953-2006.gz</t>
  </si>
  <si>
    <t>723449-99999-2001.gz</t>
  </si>
  <si>
    <t>BAX23614311</t>
  </si>
  <si>
    <t>723439-53918-2014.gz</t>
  </si>
  <si>
    <t>CLARK</t>
  </si>
  <si>
    <t>723894-03181-2011.gz</t>
  </si>
  <si>
    <t>724927-23285-2008.gz</t>
  </si>
  <si>
    <t>RL439</t>
  </si>
  <si>
    <t>FY2000-LAURENS-096</t>
  </si>
  <si>
    <t>ASHLEY</t>
  </si>
  <si>
    <t>722112-53982-2015.gz</t>
  </si>
  <si>
    <t>PUGSTONEY ROAD</t>
  </si>
  <si>
    <t>724275-14894-1999.gz</t>
  </si>
  <si>
    <t>722166-93845-2007.gz</t>
  </si>
  <si>
    <t xml:space="preserve">ELMWOOD DR  MGLA         </t>
  </si>
  <si>
    <t>724973-93203-2008.gz</t>
  </si>
  <si>
    <t>WOOD CANYON COMPLEX</t>
  </si>
  <si>
    <t>722687-93033-2010.gz</t>
  </si>
  <si>
    <t>720467-00148-2015.gz</t>
  </si>
  <si>
    <t>SILO</t>
  </si>
  <si>
    <t>TURN AROUND</t>
  </si>
  <si>
    <t>722489-53911-2014.gz</t>
  </si>
  <si>
    <t>725474-04915-2009.gz</t>
  </si>
  <si>
    <t>994650-99999-2004.gz</t>
  </si>
  <si>
    <t>ROCKYFLAT</t>
  </si>
  <si>
    <t>726480-99999-1992.gz</t>
  </si>
  <si>
    <t>TRIBAL</t>
  </si>
  <si>
    <t>723656-23049-2002.gz</t>
  </si>
  <si>
    <t>785140-99999-2005.gz</t>
  </si>
  <si>
    <t>JACK</t>
  </si>
  <si>
    <t>723754-99999-2000.gz</t>
  </si>
  <si>
    <t>WHITNEY PASS</t>
  </si>
  <si>
    <t>724846-53123-2007.gz</t>
  </si>
  <si>
    <t>722499-99999-1993.gz</t>
  </si>
  <si>
    <t>OGEMAW 02 - DECKERVILLE</t>
  </si>
  <si>
    <t>726395-14808-2012.gz</t>
  </si>
  <si>
    <t>999999-13724-2010.gz</t>
  </si>
  <si>
    <t>747809-99999-2004.gz</t>
  </si>
  <si>
    <t>722348-53808-2012.gz</t>
  </si>
  <si>
    <t>TURNER CREEK</t>
  </si>
  <si>
    <t>167 days 00:00:00.000000000</t>
  </si>
  <si>
    <t>727890-94197-2015.gz</t>
  </si>
  <si>
    <t xml:space="preserve">PARK                     </t>
  </si>
  <si>
    <t>722904-03178-2006.gz</t>
  </si>
  <si>
    <t>BUTTERFIELD</t>
  </si>
  <si>
    <t>723820-23182-1998.gz</t>
  </si>
  <si>
    <t>723200-93801-1998.gz</t>
  </si>
  <si>
    <t>SUGARLOAF</t>
  </si>
  <si>
    <t>724837-93216-2011.gz</t>
  </si>
  <si>
    <t>723439-53918-2013.gz</t>
  </si>
  <si>
    <t>EASTER</t>
  </si>
  <si>
    <t>724625-99999-1998.gz</t>
  </si>
  <si>
    <t>723200-93801-1992.gz</t>
  </si>
  <si>
    <t>726487-94896-2009.gz</t>
  </si>
  <si>
    <t>722747-99999-1992.gz</t>
  </si>
  <si>
    <t>CUMARO</t>
  </si>
  <si>
    <t>722745-23109-2008.gz</t>
  </si>
  <si>
    <t>723429-99999-2002.gz</t>
  </si>
  <si>
    <t>722138-63852-2005.gz</t>
  </si>
  <si>
    <t>FARMERS</t>
  </si>
  <si>
    <t>722689-99999-1994.gz</t>
  </si>
  <si>
    <t>722055-99999-1993.gz</t>
  </si>
  <si>
    <t>PEAK RD</t>
  </si>
  <si>
    <t>720286-53977-2011.gz</t>
  </si>
  <si>
    <t>UNKNOWN</t>
  </si>
  <si>
    <t>722823-03749-2008.gz</t>
  </si>
  <si>
    <t>722133-53946-2009.gz</t>
  </si>
  <si>
    <t>725626-24091-2014.gz</t>
  </si>
  <si>
    <t>722165-63808-2013.gz</t>
  </si>
  <si>
    <t>HONEY SPRINGS</t>
  </si>
  <si>
    <t>723556-93953-2012.gz</t>
  </si>
  <si>
    <t>723429-53920-2006.gz</t>
  </si>
  <si>
    <t xml:space="preserve">F#10668 STATE OF CA#7    </t>
  </si>
  <si>
    <t>723896-93144-2007.gz</t>
  </si>
  <si>
    <t>COUNTY ROAD 31  / COUNTY</t>
  </si>
  <si>
    <t>724838-93205-2012.gz</t>
  </si>
  <si>
    <t>IRON 3</t>
  </si>
  <si>
    <t>MT ZION</t>
  </si>
  <si>
    <t>722355-93999-2014.gz</t>
  </si>
  <si>
    <t>723235-13896-1995.gz</t>
  </si>
  <si>
    <t xml:space="preserve">RAQUET                   </t>
  </si>
  <si>
    <t>726555-99999-1995.gz</t>
  </si>
  <si>
    <t>COTTONWOOD</t>
  </si>
  <si>
    <t>723625-93057-2004.gz</t>
  </si>
  <si>
    <t>EAGLE SPRINGS SANDPIT</t>
  </si>
  <si>
    <t>723034-93747-2010.gz</t>
  </si>
  <si>
    <t xml:space="preserve">MAD 1791 2               </t>
  </si>
  <si>
    <t>HORSE</t>
  </si>
  <si>
    <t>722680-23009-1998.gz</t>
  </si>
  <si>
    <t>722350-03940-1992.gz</t>
  </si>
  <si>
    <t>NER-20121119-002</t>
  </si>
  <si>
    <t>723145-03810-1992.gz</t>
  </si>
  <si>
    <t>722160-13869-2007.gz</t>
  </si>
  <si>
    <t>723273-99999-2000.gz</t>
  </si>
  <si>
    <t>SNOW FALLS FIRE</t>
  </si>
  <si>
    <t>726626-04864-2014.gz</t>
  </si>
  <si>
    <t>722470-03901-2005.gz</t>
  </si>
  <si>
    <t>747910-13717-2004.gz</t>
  </si>
  <si>
    <t>722213-99999-2000.gz</t>
  </si>
  <si>
    <t>722404-99999-2000.gz</t>
  </si>
  <si>
    <t>CORNPATCH</t>
  </si>
  <si>
    <t>722786-23104-1993.gz</t>
  </si>
  <si>
    <t>FY2000-WAYNE-046</t>
  </si>
  <si>
    <t>722090-99999-2000.gz</t>
  </si>
  <si>
    <t>POWDER MILL</t>
  </si>
  <si>
    <t>727505-99999-2003.gz</t>
  </si>
  <si>
    <t>722250-13829-2007.gz</t>
  </si>
  <si>
    <t>FEDERATION FIRE</t>
  </si>
  <si>
    <t>722235-13838-1994.gz</t>
  </si>
  <si>
    <t>DARRINGTON VILLAGE</t>
  </si>
  <si>
    <t>702325-26443-2014.gz</t>
  </si>
  <si>
    <t>720636-00222-2014.gz</t>
  </si>
  <si>
    <t>722280-13876-1995.gz</t>
  </si>
  <si>
    <t>FY2001-BEN HILL-041</t>
  </si>
  <si>
    <t>HORSE PASTURE FIRE</t>
  </si>
  <si>
    <t>723165-63821-2013.gz</t>
  </si>
  <si>
    <t>723448-99999-1998.gz</t>
  </si>
  <si>
    <t>HUBBARD LN</t>
  </si>
  <si>
    <t>727810-24243-2002.gz</t>
  </si>
  <si>
    <t>NWR-20120226-007</t>
  </si>
  <si>
    <t>720505-00156-2012.gz</t>
  </si>
  <si>
    <t>722060-13889-1998.gz</t>
  </si>
  <si>
    <t>021 DAY OFF</t>
  </si>
  <si>
    <t>722354-99999-2004.gz</t>
  </si>
  <si>
    <t>723630-23047-2005.gz</t>
  </si>
  <si>
    <t>MA</t>
  </si>
  <si>
    <t>725107-04780-2015.gz</t>
  </si>
  <si>
    <t>RIVER FRONT ROAD</t>
  </si>
  <si>
    <t>RAT RIVER</t>
  </si>
  <si>
    <t>727437-94893-2008.gz</t>
  </si>
  <si>
    <t>722470-03901-1998.gz</t>
  </si>
  <si>
    <t>999999-11641-1992.gz</t>
  </si>
  <si>
    <t>CARPFARM</t>
  </si>
  <si>
    <t>720358-53999-2010.gz</t>
  </si>
  <si>
    <t>747685-93874-2006.gz</t>
  </si>
  <si>
    <t>722484-53905-2000.gz</t>
  </si>
  <si>
    <t xml:space="preserve">PG&amp;E#6                   </t>
  </si>
  <si>
    <t>725905-23275-1997.gz</t>
  </si>
  <si>
    <t>724074-99999-1995.gz</t>
  </si>
  <si>
    <t>15-0052</t>
  </si>
  <si>
    <t>FY2003-MADISON-005</t>
  </si>
  <si>
    <t>HORSESHOE</t>
  </si>
  <si>
    <t>723105-99999-2002.gz</t>
  </si>
  <si>
    <t>725025-99999-2001.gz</t>
  </si>
  <si>
    <t>OSITO</t>
  </si>
  <si>
    <t>18TH DRIVE</t>
  </si>
  <si>
    <t>720398-99999-2012.gz</t>
  </si>
  <si>
    <t>724240-13807-2010.gz</t>
  </si>
  <si>
    <t>722470-03901-1994.gz</t>
  </si>
  <si>
    <t>FY2011-TWIGGS-040</t>
  </si>
  <si>
    <t>722175-13860-2010.gz</t>
  </si>
  <si>
    <t>744104-14763-2008.gz</t>
  </si>
  <si>
    <t>FIFTEENTH</t>
  </si>
  <si>
    <t>723545-03965-2006.gz</t>
  </si>
  <si>
    <t>722123-99999-1999.gz</t>
  </si>
  <si>
    <t>CACTUS;S</t>
  </si>
  <si>
    <t>726518-99999-2000.gz</t>
  </si>
  <si>
    <t>CONSERVANCY</t>
  </si>
  <si>
    <t>HICKEY</t>
  </si>
  <si>
    <t>723546-13969-2002.gz</t>
  </si>
  <si>
    <t>725146-54773-2015.gz</t>
  </si>
  <si>
    <t>GENE</t>
  </si>
  <si>
    <t>724625-99999-2002.gz</t>
  </si>
  <si>
    <t>READING</t>
  </si>
  <si>
    <t>CURTIS ROAD</t>
  </si>
  <si>
    <t>727855-24114-2015.gz</t>
  </si>
  <si>
    <t>HOP</t>
  </si>
  <si>
    <t>725763-94053-2009.gz</t>
  </si>
  <si>
    <t>ROCK</t>
  </si>
  <si>
    <t>725648-99999-2002.gz</t>
  </si>
  <si>
    <t>720932-00317-2015.gz</t>
  </si>
  <si>
    <t>CHICKEN NOODLE</t>
  </si>
  <si>
    <t>703604-99999-2003.gz</t>
  </si>
  <si>
    <t>723100-13883-1993.gz</t>
  </si>
  <si>
    <t>TWO TIME</t>
  </si>
  <si>
    <t>KEENE</t>
  </si>
  <si>
    <t>722178-53953-2010.gz</t>
  </si>
  <si>
    <t>WILKEY RD. 11/22/14</t>
  </si>
  <si>
    <t>723250-03847-2014.gz</t>
  </si>
  <si>
    <t>722470-03901-1995.gz</t>
  </si>
  <si>
    <t>WALKER</t>
  </si>
  <si>
    <t>723415-03962-2006.gz</t>
  </si>
  <si>
    <t>SELECK (64)</t>
  </si>
  <si>
    <t>722361-92808-2015.gz</t>
  </si>
  <si>
    <t>MAUER</t>
  </si>
  <si>
    <t>726796-24138-2003.gz</t>
  </si>
  <si>
    <t>723443-53955-2010.gz</t>
  </si>
  <si>
    <t>361 NEWTON HILL RD., AL</t>
  </si>
  <si>
    <t>722340-13865-2011.gz</t>
  </si>
  <si>
    <t>TH2004</t>
  </si>
  <si>
    <t>3100 LIMMER LP</t>
  </si>
  <si>
    <t>722547-53942-2009.gz</t>
  </si>
  <si>
    <t>MS0    0909-4550310013</t>
  </si>
  <si>
    <t>747760-99999-2002.gz</t>
  </si>
  <si>
    <t>722535-12909-2005.gz</t>
  </si>
  <si>
    <t>COUSIN</t>
  </si>
  <si>
    <t>723347-03809-1999.gz</t>
  </si>
  <si>
    <t>TWP ROR</t>
  </si>
  <si>
    <t>722972-63878-2008.gz</t>
  </si>
  <si>
    <t>1413 E @ JC LINE</t>
  </si>
  <si>
    <t>720295-53972-2009.gz</t>
  </si>
  <si>
    <t>723418-13977-1995.gz</t>
  </si>
  <si>
    <t xml:space="preserve">CP ROBERTS AST. #3       </t>
  </si>
  <si>
    <t>723965-93209-1992.gz</t>
  </si>
  <si>
    <t>LEONS</t>
  </si>
  <si>
    <t>727680-94008-1999.gz</t>
  </si>
  <si>
    <t>722181-13837-2007.gz</t>
  </si>
  <si>
    <t>723629-53998-2010.gz</t>
  </si>
  <si>
    <t>722235-13838-1999.gz</t>
  </si>
  <si>
    <t>TH1707</t>
  </si>
  <si>
    <t xml:space="preserve">"BARTALDO,KARL"          </t>
  </si>
  <si>
    <t>724973-99999-1996.gz</t>
  </si>
  <si>
    <t>722469-53912-2007.gz</t>
  </si>
  <si>
    <t xml:space="preserve">FKU # 20967              </t>
  </si>
  <si>
    <t>723897-23167-1997.gz</t>
  </si>
  <si>
    <t>722090-03875-2009.gz</t>
  </si>
  <si>
    <t>STATE GOETZ</t>
  </si>
  <si>
    <t>723418-13977-2003.gz</t>
  </si>
  <si>
    <t>747688-53858-2006.gz</t>
  </si>
  <si>
    <t>726502-99999-1997.gz</t>
  </si>
  <si>
    <t>723556-93953-2008.gz</t>
  </si>
  <si>
    <t>722031-63839-2009.gz</t>
  </si>
  <si>
    <t>NER-20130304-003</t>
  </si>
  <si>
    <t>723340-13893-1998.gz</t>
  </si>
  <si>
    <t>722487-13935-2013.gz</t>
  </si>
  <si>
    <t>PASTURE IAE</t>
  </si>
  <si>
    <t>722340-13865-2009.gz</t>
  </si>
  <si>
    <t>SCATWIL 01</t>
  </si>
  <si>
    <t>723627-23081-2006.gz</t>
  </si>
  <si>
    <t>723445-93993-2013.gz</t>
  </si>
  <si>
    <t>FAREWELL</t>
  </si>
  <si>
    <t>723148-63859-2011.gz</t>
  </si>
  <si>
    <t>NYGARD</t>
  </si>
  <si>
    <t>727686-99999-1995.gz</t>
  </si>
  <si>
    <t>727920-24227-2002.gz</t>
  </si>
  <si>
    <t>JEEP TRAIL</t>
  </si>
  <si>
    <t>724053-99999-1999.gz</t>
  </si>
  <si>
    <t>4988 LOCUST</t>
  </si>
  <si>
    <t>722112-53982-2013.gz</t>
  </si>
  <si>
    <t>726550-14926-1993.gz</t>
  </si>
  <si>
    <t>722154-99999-2005.gz</t>
  </si>
  <si>
    <t>DEAD MAN</t>
  </si>
  <si>
    <t>726667-99999-2005.gz</t>
  </si>
  <si>
    <t>720296-53945-2008.gz</t>
  </si>
  <si>
    <t>725287-04724-2009.gz</t>
  </si>
  <si>
    <t>SHAVER</t>
  </si>
  <si>
    <t>723897-99999-2015.gz</t>
  </si>
  <si>
    <t>MOORE</t>
  </si>
  <si>
    <t>723270-13897-2014.gz</t>
  </si>
  <si>
    <t>ABIQUA RD #1</t>
  </si>
  <si>
    <t>726980-24229-1993.gz</t>
  </si>
  <si>
    <t>COLE CREEK</t>
  </si>
  <si>
    <t>727584-94038-2006.gz</t>
  </si>
  <si>
    <t>RED LAKE 178</t>
  </si>
  <si>
    <t>727505-04929-2010.gz</t>
  </si>
  <si>
    <t>FY2001-DODGE-026</t>
  </si>
  <si>
    <t>LENA</t>
  </si>
  <si>
    <t>723435-53921-2010.gz</t>
  </si>
  <si>
    <t>JAKE</t>
  </si>
  <si>
    <t>724457-99999-2000.gz</t>
  </si>
  <si>
    <t>723340-13893-1994.gz</t>
  </si>
  <si>
    <t>726384-14817-1994.gz</t>
  </si>
  <si>
    <t>724113-53881-2013.gz</t>
  </si>
  <si>
    <t>725180-14735-2014.gz</t>
  </si>
  <si>
    <t>DEER COMMAND (O5)</t>
  </si>
  <si>
    <t>JAZZY GIRL</t>
  </si>
  <si>
    <t>722173-53951-2006.gz</t>
  </si>
  <si>
    <t>724955-93227-2013.gz</t>
  </si>
  <si>
    <t>723069-93753-2009.gz</t>
  </si>
  <si>
    <t>FY2001-TWIGGS-026</t>
  </si>
  <si>
    <t>722470-03901-1996.gz</t>
  </si>
  <si>
    <t>GOOD LUCK</t>
  </si>
  <si>
    <t>726667-24048-2008.gz</t>
  </si>
  <si>
    <t>723124-53874-2007.gz</t>
  </si>
  <si>
    <t>720674-00249-2010.gz</t>
  </si>
  <si>
    <t>CHUI CHU</t>
  </si>
  <si>
    <t>722748-03914-2009.gz</t>
  </si>
  <si>
    <t>722747-99999-1995.gz</t>
  </si>
  <si>
    <t>551 JARVISBURG RD</t>
  </si>
  <si>
    <t>998209-99999-2013.gz</t>
  </si>
  <si>
    <t>724700-99999-2005.gz</t>
  </si>
  <si>
    <t>TEN MILE</t>
  </si>
  <si>
    <t>724776-99999-1993.gz</t>
  </si>
  <si>
    <t>RAYADO</t>
  </si>
  <si>
    <t>A00011</t>
  </si>
  <si>
    <t>E NORTH AV /S CHESTNUT AV</t>
  </si>
  <si>
    <t>722587-99999-2003.gz</t>
  </si>
  <si>
    <t>725180-14735-2009.gz</t>
  </si>
  <si>
    <t>FY2001-PULASKI-038</t>
  </si>
  <si>
    <t>722170-03813-2000.gz</t>
  </si>
  <si>
    <t>BRICES CK #4</t>
  </si>
  <si>
    <t>720353-63875-2014.gz</t>
  </si>
  <si>
    <t>722123-99999-1995.gz</t>
  </si>
  <si>
    <t>727475-99999-1999.gz</t>
  </si>
  <si>
    <t>BOOGER MTN#3</t>
  </si>
  <si>
    <t>MILE POST 6 FIRE</t>
  </si>
  <si>
    <t>722745-23109-2009.gz</t>
  </si>
  <si>
    <t>COOK</t>
  </si>
  <si>
    <t>722108-12894-2006.gz</t>
  </si>
  <si>
    <t>FY2000-EFFINGHAM-076</t>
  </si>
  <si>
    <t>722085-93831-2010.gz</t>
  </si>
  <si>
    <t>DALY</t>
  </si>
  <si>
    <t>726530-99999-2002.gz</t>
  </si>
  <si>
    <t>JOLLY RODGER</t>
  </si>
  <si>
    <t>726885-24152-1998.gz</t>
  </si>
  <si>
    <t xml:space="preserve">COHASSET3                </t>
  </si>
  <si>
    <t>724973-99999-1995.gz</t>
  </si>
  <si>
    <t>722359-13978-1997.gz</t>
  </si>
  <si>
    <t>992120-99999-1995.gz</t>
  </si>
  <si>
    <t>725128-54739-2005.gz</t>
  </si>
  <si>
    <t xml:space="preserve">JASPER                   </t>
  </si>
  <si>
    <t xml:space="preserve">CEDAR                    </t>
  </si>
  <si>
    <t>724973-99999-1992.gz</t>
  </si>
  <si>
    <t>GAMBLE</t>
  </si>
  <si>
    <t>CLOVER SPRINGS</t>
  </si>
  <si>
    <t>8 days 00:00:00.000000000</t>
  </si>
  <si>
    <t>CEDAR ST  MEAD</t>
  </si>
  <si>
    <t>722860-23119-2010.gz</t>
  </si>
  <si>
    <t>726228-99999-2002.gz</t>
  </si>
  <si>
    <t>1 LITTLE HOUSE</t>
  </si>
  <si>
    <t>722030-12844-2000.gz</t>
  </si>
  <si>
    <t>FM 279</t>
  </si>
  <si>
    <t>FOWLERS FIRE</t>
  </si>
  <si>
    <t>720655-00235-2011.gz</t>
  </si>
  <si>
    <t>690150-93121-2013.gz</t>
  </si>
  <si>
    <t>SCB21/23</t>
  </si>
  <si>
    <t>SUN</t>
  </si>
  <si>
    <t>FOX</t>
  </si>
  <si>
    <t>691324-99999-1998.gz</t>
  </si>
  <si>
    <t>999999-11641-1994.gz</t>
  </si>
  <si>
    <t>HILL</t>
  </si>
  <si>
    <t>720935-99999-2013.gz</t>
  </si>
  <si>
    <t>CANEY CREEK 1</t>
  </si>
  <si>
    <t>PEONY</t>
  </si>
  <si>
    <t>69 days 00:00:00.000000000</t>
  </si>
  <si>
    <t>723340-13893-1999.gz</t>
  </si>
  <si>
    <t>722312-03908-2006.gz</t>
  </si>
  <si>
    <t>FY2000-UPSON-025</t>
  </si>
  <si>
    <t>722178-53953-2007.gz</t>
  </si>
  <si>
    <t>PUL3681866</t>
  </si>
  <si>
    <t>723403-13963-2013.gz</t>
  </si>
  <si>
    <t>726557-14910-1993.gz</t>
  </si>
  <si>
    <t>722055-99999-1991.gz</t>
  </si>
  <si>
    <t>722351-12953-2007.gz</t>
  </si>
  <si>
    <t>HUDSON RIDGE</t>
  </si>
  <si>
    <t>726917-24284-1999.gz</t>
  </si>
  <si>
    <t>723415-99999-1997.gz</t>
  </si>
  <si>
    <t>722014-99999-2002.gz</t>
  </si>
  <si>
    <t>723307-99999-2000.gz</t>
  </si>
  <si>
    <t>SIMMONS POND FIRE</t>
  </si>
  <si>
    <t>720274-93799-2011.gz</t>
  </si>
  <si>
    <t>RED WILLOW</t>
  </si>
  <si>
    <t>723627-23081-2005.gz</t>
  </si>
  <si>
    <t>SER-20130301-002</t>
  </si>
  <si>
    <t>720362-63874-2013.gz</t>
  </si>
  <si>
    <t xml:space="preserve">U/N                      </t>
  </si>
  <si>
    <t>725845-23225-1995.gz</t>
  </si>
  <si>
    <t>MUSKEGON 03</t>
  </si>
  <si>
    <t>997341-99999-2013.gz</t>
  </si>
  <si>
    <t>724270-99999-2006.gz</t>
  </si>
  <si>
    <t xml:space="preserve">FIR AV / PERRIS BL 6     </t>
  </si>
  <si>
    <t>722860-23119-2008.gz</t>
  </si>
  <si>
    <t>WESTON HILLS</t>
  </si>
  <si>
    <t>726650-94023-2009.gz</t>
  </si>
  <si>
    <t>2011-CARUSO FIRE-0106</t>
  </si>
  <si>
    <t>722115-12871-2011.gz</t>
  </si>
  <si>
    <t>LONG BRANCH</t>
  </si>
  <si>
    <t>724140-13866-2014.gz</t>
  </si>
  <si>
    <t>DEEP CREEK</t>
  </si>
  <si>
    <t>FY2001-BRANTLEY-088</t>
  </si>
  <si>
    <t>722090-99999-2001.gz</t>
  </si>
  <si>
    <t>STOCKDALE</t>
  </si>
  <si>
    <t>724796-94128-2007.gz</t>
  </si>
  <si>
    <t>722235-13838-2004.gz</t>
  </si>
  <si>
    <t>722038-12897-2009.gz</t>
  </si>
  <si>
    <t>723105-03858-2012.gz</t>
  </si>
  <si>
    <t>WHEAT FIELD FIRE</t>
  </si>
  <si>
    <t>722174-23097-2012.gz</t>
  </si>
  <si>
    <t>725038-14714-1998.gz</t>
  </si>
  <si>
    <t>724236-03889-2005.gz</t>
  </si>
  <si>
    <t>722085-93831-2012.gz</t>
  </si>
  <si>
    <t>722469-53912-2010.gz</t>
  </si>
  <si>
    <t>PETE</t>
  </si>
  <si>
    <t>725958-94299-2009.gz</t>
  </si>
  <si>
    <t>NO MANS</t>
  </si>
  <si>
    <t>GRUNNDLEY</t>
  </si>
  <si>
    <t>722323-00362-2009.gz</t>
  </si>
  <si>
    <t>747805-63818-2009.gz</t>
  </si>
  <si>
    <t>723484-99999-2001.gz</t>
  </si>
  <si>
    <t>722322-00361-2009.gz</t>
  </si>
  <si>
    <t>722034-12812-2009.gz</t>
  </si>
  <si>
    <t>MATLIN MOUNTAINS</t>
  </si>
  <si>
    <t>CHANDALAR</t>
  </si>
  <si>
    <t>701945-99999-2004.gz</t>
  </si>
  <si>
    <t>WILLIAM SMITH ROAD</t>
  </si>
  <si>
    <t>724175-99999-2005.gz</t>
  </si>
  <si>
    <t>722300-99999-1998.gz</t>
  </si>
  <si>
    <t>CROOKED CREEK</t>
  </si>
  <si>
    <t>724236-03889-2004.gz</t>
  </si>
  <si>
    <t>725145-54746-2014.gz</t>
  </si>
  <si>
    <t>722359-13978-1996.gz</t>
  </si>
  <si>
    <t>725165-99999-1995.gz</t>
  </si>
  <si>
    <t>FY2014-LOWNDES-009</t>
  </si>
  <si>
    <t>747810-13857-2013.gz</t>
  </si>
  <si>
    <t>720278-03704-2007.gz</t>
  </si>
  <si>
    <t>720264-63827-2007.gz</t>
  </si>
  <si>
    <t>TRVFD2009-65</t>
  </si>
  <si>
    <t>720391-00127-2009.gz</t>
  </si>
  <si>
    <t>BOULDER-WYMAN</t>
  </si>
  <si>
    <t>727735-99999-2001.gz</t>
  </si>
  <si>
    <t>723628-93942-2006.gz</t>
  </si>
  <si>
    <t>WHITE OAK</t>
  </si>
  <si>
    <t>722540-13904-2007.gz</t>
  </si>
  <si>
    <t>BEDFORD</t>
  </si>
  <si>
    <t>4TH OF JULY</t>
  </si>
  <si>
    <t>723805-23179-2015.gz</t>
  </si>
  <si>
    <t>REBURN</t>
  </si>
  <si>
    <t>727640-24011-1996.gz</t>
  </si>
  <si>
    <t>723435-99999-1999.gz</t>
  </si>
  <si>
    <t>FIRE ON WOODCHUCK</t>
  </si>
  <si>
    <t>722112-53982-2011.gz</t>
  </si>
  <si>
    <t>722029-99999-1998.gz</t>
  </si>
  <si>
    <t>722648-03031-2006.gz</t>
  </si>
  <si>
    <t>H HOLLOW 2</t>
  </si>
  <si>
    <t>724795-99999-1994.gz</t>
  </si>
  <si>
    <t>723415-99999-2004.gz</t>
  </si>
  <si>
    <t>TWENTY SIX</t>
  </si>
  <si>
    <t>UNNAMED FIRE 1981</t>
  </si>
  <si>
    <t>724926-23258-2007.gz</t>
  </si>
  <si>
    <t>722484-53905-2011.gz</t>
  </si>
  <si>
    <t>723759-53990-2006.gz</t>
  </si>
  <si>
    <t>722547-99999-2005.gz</t>
  </si>
  <si>
    <t>STERLING FIRE</t>
  </si>
  <si>
    <t>723105-99999-2003.gz</t>
  </si>
  <si>
    <t>OLD WHETSTONE</t>
  </si>
  <si>
    <t>4854 CR 324</t>
  </si>
  <si>
    <t>720965-13910-2015.gz</t>
  </si>
  <si>
    <t>723425-00373-2013.gz</t>
  </si>
  <si>
    <t>MURPH</t>
  </si>
  <si>
    <t>727680-94008-1996.gz</t>
  </si>
  <si>
    <t>720347-63877-2007.gz</t>
  </si>
  <si>
    <t>723424-99999-2004.gz</t>
  </si>
  <si>
    <t>FY2012-DECATUR-001</t>
  </si>
  <si>
    <t>720268-53882-2011.gz</t>
  </si>
  <si>
    <t>724236-03889-2010.gz</t>
  </si>
  <si>
    <t>720739-00268-2012.gz</t>
  </si>
  <si>
    <t>JACKIE CALLS</t>
  </si>
  <si>
    <t>DEER LAKE</t>
  </si>
  <si>
    <t>723565-03959-2010.gz</t>
  </si>
  <si>
    <t>NORTH VALLEY VIEW</t>
  </si>
  <si>
    <t>725970-24225-2011.gz</t>
  </si>
  <si>
    <t>HIDDEN AGENDA</t>
  </si>
  <si>
    <t>727870-94119-2014.gz</t>
  </si>
  <si>
    <t>POPLAR</t>
  </si>
  <si>
    <t>725416-99999-2000.gz</t>
  </si>
  <si>
    <t>722350-03940-1993.gz</t>
  </si>
  <si>
    <t>RL059</t>
  </si>
  <si>
    <t>727550-14958-2009.gz</t>
  </si>
  <si>
    <t>744104-14763-2009.gz</t>
  </si>
  <si>
    <t>CUELLAR!</t>
  </si>
  <si>
    <t>722050-12815-1993.gz</t>
  </si>
  <si>
    <t>1077 AND DINGUS ROAD</t>
  </si>
  <si>
    <t>724475-93909-2012.gz</t>
  </si>
  <si>
    <t>NORTH PT. HIGGINS</t>
  </si>
  <si>
    <t>POWWER PLANT</t>
  </si>
  <si>
    <t>723108-13776-2001.gz</t>
  </si>
  <si>
    <t>722134-63822-2009.gz</t>
  </si>
  <si>
    <t>994220-99999-1992.gz</t>
  </si>
  <si>
    <t>DONUT</t>
  </si>
  <si>
    <t>726625-24006-2006.gz</t>
  </si>
  <si>
    <t>726437-99999-2005.gz</t>
  </si>
  <si>
    <t>726555-94938-2010.gz</t>
  </si>
  <si>
    <t>724680-94015-1995.gz</t>
  </si>
  <si>
    <t>BLUE</t>
  </si>
  <si>
    <t>UNIT 48</t>
  </si>
  <si>
    <t>723656-23049-1993.gz</t>
  </si>
  <si>
    <t>JAN04-2013</t>
  </si>
  <si>
    <t>722112-53982-2012.gz</t>
  </si>
  <si>
    <t>A-BAR</t>
  </si>
  <si>
    <t>BLAIR MTN</t>
  </si>
  <si>
    <t>LINDEN - 6283</t>
  </si>
  <si>
    <t>723759-53990-2012.gz</t>
  </si>
  <si>
    <t>722230-13894-2013.gz</t>
  </si>
  <si>
    <t>HENDERSON - 385</t>
  </si>
  <si>
    <t>720314-93983-2011.gz</t>
  </si>
  <si>
    <t>RL37</t>
  </si>
  <si>
    <t>WOODVILLE - 200</t>
  </si>
  <si>
    <t>725021-99999-2009.gz</t>
  </si>
  <si>
    <t>HURRICANE ASST. #3</t>
  </si>
  <si>
    <t>726555-99999-1999.gz</t>
  </si>
  <si>
    <t>722616-03032-2008.gz</t>
  </si>
  <si>
    <t>726225-64776-2009.gz</t>
  </si>
  <si>
    <t>MIDDLE BALD</t>
  </si>
  <si>
    <t>722060-13889-1997.gz</t>
  </si>
  <si>
    <t>724926-23258-2015.gz</t>
  </si>
  <si>
    <t xml:space="preserve">FKU7032                  </t>
  </si>
  <si>
    <t>OTA 11</t>
  </si>
  <si>
    <t>726815-24106-2010.gz</t>
  </si>
  <si>
    <t>724741-99999-2006.gz</t>
  </si>
  <si>
    <t>SLASH</t>
  </si>
  <si>
    <t>REICHWEIN RD</t>
  </si>
  <si>
    <t>725144-54723-2015.gz</t>
  </si>
  <si>
    <t>SOUTH OF PVR'S WOLFCREEK PLANT</t>
  </si>
  <si>
    <t>723527-13975-2009.gz</t>
  </si>
  <si>
    <t>LONG</t>
  </si>
  <si>
    <t>726545-94950-2014.gz</t>
  </si>
  <si>
    <t>JO-LINDA RD.</t>
  </si>
  <si>
    <t>723030-13714-1997.gz</t>
  </si>
  <si>
    <t>723118-99999-2002.gz</t>
  </si>
  <si>
    <t>722340-13865-1995.gz</t>
  </si>
  <si>
    <t>723119-13886-2009.gz</t>
  </si>
  <si>
    <t>FY2013-BULLOCH-053</t>
  </si>
  <si>
    <t>747805-63818-2013.gz</t>
  </si>
  <si>
    <t>723745-93139-1994.gz</t>
  </si>
  <si>
    <t>BROOLYN BRIDGE</t>
  </si>
  <si>
    <t>722348-99999-2000.gz</t>
  </si>
  <si>
    <t>MCNIGHT FIRE</t>
  </si>
  <si>
    <t>720151-03049-2011.gz</t>
  </si>
  <si>
    <t>LOST CREEK RD, AL</t>
  </si>
  <si>
    <t>723306-13825-2011.gz</t>
  </si>
  <si>
    <t>727478-04934-2014.gz</t>
  </si>
  <si>
    <t>ADAIR 8</t>
  </si>
  <si>
    <t xml:space="preserve">JAYE                     </t>
  </si>
  <si>
    <t>SWR-20140116-002</t>
  </si>
  <si>
    <t>WHITE BODY</t>
  </si>
  <si>
    <t>727677-99999-1998.gz</t>
  </si>
  <si>
    <t>ZION</t>
  </si>
  <si>
    <t>725347-99999-2003.gz</t>
  </si>
  <si>
    <t>722348-99999-1995.gz</t>
  </si>
  <si>
    <t>WHITE HALL ROAD EXTENSION</t>
  </si>
  <si>
    <t>723418-13977-2004.gz</t>
  </si>
  <si>
    <t>722217-63881-2008.gz</t>
  </si>
  <si>
    <t>DUTCH OVEN</t>
  </si>
  <si>
    <t>723436-99999-2002.gz</t>
  </si>
  <si>
    <t>CAYUSE</t>
  </si>
  <si>
    <t>726865-24196-2012.gz</t>
  </si>
  <si>
    <t>724016-93736-1996.gz</t>
  </si>
  <si>
    <t>WATER</t>
  </si>
  <si>
    <t>723566-93950-1992.gz</t>
  </si>
  <si>
    <t>724765-93013-2013.gz</t>
  </si>
  <si>
    <t>722104-92806-1993.gz</t>
  </si>
  <si>
    <t>722280-13876-1999.gz</t>
  </si>
  <si>
    <t>K10-20</t>
  </si>
  <si>
    <t>720296-53945-2010.gz</t>
  </si>
  <si>
    <t>09-271</t>
  </si>
  <si>
    <t>720311-53962-2009.gz</t>
  </si>
  <si>
    <t>LAGUNA</t>
  </si>
  <si>
    <t>720339-99999-2008.gz</t>
  </si>
  <si>
    <t>723235-13896-1996.gz</t>
  </si>
  <si>
    <t>726508-94973-2006.gz</t>
  </si>
  <si>
    <t>722280-13876-1996.gz</t>
  </si>
  <si>
    <t>994740-99999-2008.gz</t>
  </si>
  <si>
    <t xml:space="preserve">VISTA                    </t>
  </si>
  <si>
    <t>720318-53965-2007.gz</t>
  </si>
  <si>
    <t>13-084</t>
  </si>
  <si>
    <t xml:space="preserve">HONCUT                   </t>
  </si>
  <si>
    <t>724838-99999-1996.gz</t>
  </si>
  <si>
    <t>LONGHOLL2</t>
  </si>
  <si>
    <t>726519-99999-2001.gz</t>
  </si>
  <si>
    <t>722286-99999-2000.gz</t>
  </si>
  <si>
    <t>CHICO</t>
  </si>
  <si>
    <t>RL192</t>
  </si>
  <si>
    <t>727486-04983-2009.gz</t>
  </si>
  <si>
    <t>722561-99999-2007.gz</t>
  </si>
  <si>
    <t>FY2000-MORGAN-027</t>
  </si>
  <si>
    <t>DOF 221</t>
  </si>
  <si>
    <t>ED SULLIVAN</t>
  </si>
  <si>
    <t>CANADA</t>
  </si>
  <si>
    <t>723663-03012-2008.gz</t>
  </si>
  <si>
    <t>722589-03991-2009.gz</t>
  </si>
  <si>
    <t>FY2015-COWETA-013</t>
  </si>
  <si>
    <t>722197-53819-2015.gz</t>
  </si>
  <si>
    <t>994410-99999-1998.gz</t>
  </si>
  <si>
    <t>726228-99999-2003.gz</t>
  </si>
  <si>
    <t>LIVINGSTON - 231</t>
  </si>
  <si>
    <t>722444-53902-2009.gz</t>
  </si>
  <si>
    <t>722287-13871-1993.gz</t>
  </si>
  <si>
    <t>722489-53911-2008.gz</t>
  </si>
  <si>
    <t>IN</t>
  </si>
  <si>
    <t>724373-99999-2003.gz</t>
  </si>
  <si>
    <t>CT</t>
  </si>
  <si>
    <t>725087-14752-2010.gz</t>
  </si>
  <si>
    <t>DEEP LAKE</t>
  </si>
  <si>
    <t>725180-14735-2002.gz</t>
  </si>
  <si>
    <t>724243-03849-1999.gz</t>
  </si>
  <si>
    <t>722085-93831-2006.gz</t>
  </si>
  <si>
    <t>EAST GARNER RD</t>
  </si>
  <si>
    <t>723060-13722-1998.gz</t>
  </si>
  <si>
    <t>725187-99999-2005.gz</t>
  </si>
  <si>
    <t>MS0    0909-5450701005</t>
  </si>
  <si>
    <t>722354-13927-2009.gz</t>
  </si>
  <si>
    <t xml:space="preserve">HY 41                    </t>
  </si>
  <si>
    <t>723890-93193-2003.gz</t>
  </si>
  <si>
    <t>HIDDEN VALLEY</t>
  </si>
  <si>
    <t>726816-04110-2012.gz</t>
  </si>
  <si>
    <t>MS2003</t>
  </si>
  <si>
    <t>727575-94925-1996.gz</t>
  </si>
  <si>
    <t>MEMORY MOUNTAIN</t>
  </si>
  <si>
    <t>724190-03889-2014.gz</t>
  </si>
  <si>
    <t>FY2000-GLASCOCK-004</t>
  </si>
  <si>
    <t>BIRTHDAY (38)</t>
  </si>
  <si>
    <t>747560-12816-2011.gz</t>
  </si>
  <si>
    <t>722484-99999-1997.gz</t>
  </si>
  <si>
    <t>720302-53963-2007.gz</t>
  </si>
  <si>
    <t>SWR-20150308-003</t>
  </si>
  <si>
    <t>722220-99999-2015.gz</t>
  </si>
  <si>
    <t>723347-03809-2006.gz</t>
  </si>
  <si>
    <t>LA GRANGE</t>
  </si>
  <si>
    <t>724810-23203-2012.gz</t>
  </si>
  <si>
    <t>AIRPORT</t>
  </si>
  <si>
    <t>723566-93950-2014.gz</t>
  </si>
  <si>
    <t xml:space="preserve">ROADSIDE 9670            </t>
  </si>
  <si>
    <t>724815-99999-1995.gz</t>
  </si>
  <si>
    <t>TABBY CYN</t>
  </si>
  <si>
    <t>GENEVA ROCK PIT</t>
  </si>
  <si>
    <t>725724-99999-2000.gz</t>
  </si>
  <si>
    <t>724118-93797-2013.gz</t>
  </si>
  <si>
    <t>LA PLATA 3</t>
  </si>
  <si>
    <t>723658-23090-1996.gz</t>
  </si>
  <si>
    <t>722787-99999-2005.gz</t>
  </si>
  <si>
    <t>SLICK CREEK 8</t>
  </si>
  <si>
    <t>726665-24062-2012.gz</t>
  </si>
  <si>
    <t>HORSE STABLE</t>
  </si>
  <si>
    <t xml:space="preserve">KENDALL                  </t>
  </si>
  <si>
    <t>722926-03154-1996.gz</t>
  </si>
  <si>
    <t>HAWN BR</t>
  </si>
  <si>
    <t>SOME KUDZU</t>
  </si>
  <si>
    <t>724354-99999-1999.gz</t>
  </si>
  <si>
    <t>726450-14898-1994.gz</t>
  </si>
  <si>
    <t>723350-13877-2009.gz</t>
  </si>
  <si>
    <t>RL489</t>
  </si>
  <si>
    <t>727486-99999-2003.gz</t>
  </si>
  <si>
    <t>722589-03991-2010.gz</t>
  </si>
  <si>
    <t>NER-20140806-001</t>
  </si>
  <si>
    <t>723415-03962-2011.gz</t>
  </si>
  <si>
    <t>720271-03044-2008.gz</t>
  </si>
  <si>
    <t>724354-99999-2005.gz</t>
  </si>
  <si>
    <t>WALKER MTN. #5</t>
  </si>
  <si>
    <t>720269-12982-2007.gz</t>
  </si>
  <si>
    <t>723235-13896-1997.gz</t>
  </si>
  <si>
    <t>2015 SWAN DRIVE, CAMANCHE, IOWA</t>
  </si>
  <si>
    <t>725473-94979-2010.gz</t>
  </si>
  <si>
    <t>725021-99999-2013.gz</t>
  </si>
  <si>
    <t>722034-99999-2000.gz</t>
  </si>
  <si>
    <t>722448-99999-1996.gz</t>
  </si>
  <si>
    <t>FLEMING</t>
  </si>
  <si>
    <t>725847-93230-2012.gz</t>
  </si>
  <si>
    <t>WHEAT</t>
  </si>
  <si>
    <t>722783-03185-2008.gz</t>
  </si>
  <si>
    <t>STATE</t>
  </si>
  <si>
    <t>722469-53912-2015.gz</t>
  </si>
  <si>
    <t>RT 10 NEAR SAND CREEK</t>
  </si>
  <si>
    <t>724140-13866-2005.gz</t>
  </si>
  <si>
    <t>LIVESTOCK YARD</t>
  </si>
  <si>
    <t>726774-99999-1994.gz</t>
  </si>
  <si>
    <t>997284-99999-2010.gz</t>
  </si>
  <si>
    <t xml:space="preserve">GRANTLINE SERIES #2      </t>
  </si>
  <si>
    <t>724927-99999-1997.gz</t>
  </si>
  <si>
    <t>727550-99999-1994.gz</t>
  </si>
  <si>
    <t>FITZHUGH WILLIAMS LN</t>
  </si>
  <si>
    <t>720274-93799-2012.gz</t>
  </si>
  <si>
    <t>VALLEY CRK 184</t>
  </si>
  <si>
    <t>727730-24153-2012.gz</t>
  </si>
  <si>
    <t>OWL SPRINGS 1</t>
  </si>
  <si>
    <t>722764-03029-2012.gz</t>
  </si>
  <si>
    <t>722821-53988-2010.gz</t>
  </si>
  <si>
    <t>727475-04940-2007.gz</t>
  </si>
  <si>
    <t xml:space="preserve">TABLE                    </t>
  </si>
  <si>
    <t>HAWK CREEK</t>
  </si>
  <si>
    <t>726776-24036-1998.gz</t>
  </si>
  <si>
    <t>RADIO RANGE</t>
  </si>
  <si>
    <t>HONDAH</t>
  </si>
  <si>
    <t>723747-99999-2002.gz</t>
  </si>
  <si>
    <t>LIVINGSTON - 52</t>
  </si>
  <si>
    <t>720296-53945-2011.gz</t>
  </si>
  <si>
    <t>722216-99999-2013.gz</t>
  </si>
  <si>
    <t>722536-12911-2008.gz</t>
  </si>
  <si>
    <t>JOHANESON</t>
  </si>
  <si>
    <t>726545-94950-2015.gz</t>
  </si>
  <si>
    <t>722138-99999-2004.gz</t>
  </si>
  <si>
    <t>724070-93730-2006.gz</t>
  </si>
  <si>
    <t>726170-14742-2001.gz</t>
  </si>
  <si>
    <t>723445-93993-2012.gz</t>
  </si>
  <si>
    <t>PETERSONII</t>
  </si>
  <si>
    <t>726685-99999-1995.gz</t>
  </si>
  <si>
    <t>747686-13820-2006.gz</t>
  </si>
  <si>
    <t>SHAUNTY</t>
  </si>
  <si>
    <t>A05735</t>
  </si>
  <si>
    <t>723495-13987-1993.gz</t>
  </si>
  <si>
    <t>LEMHI</t>
  </si>
  <si>
    <t>722357-03961-2013.gz</t>
  </si>
  <si>
    <t>H. GROUND</t>
  </si>
  <si>
    <t>RIDGE</t>
  </si>
  <si>
    <t>723663-99999-1995.gz</t>
  </si>
  <si>
    <t>MOSQUITO CREEK</t>
  </si>
  <si>
    <t>725824-99999-2004.gz</t>
  </si>
  <si>
    <t>11-00098</t>
  </si>
  <si>
    <t>726665-24062-2011.gz</t>
  </si>
  <si>
    <t>9769 HWY 159, AL</t>
  </si>
  <si>
    <t>722286-93806-2011.gz</t>
  </si>
  <si>
    <t>994360-99999-1995.gz</t>
  </si>
  <si>
    <t>994420-99999-1996.gz</t>
  </si>
  <si>
    <t>726545-94950-2006.gz</t>
  </si>
  <si>
    <t>724117-99999-1998.gz</t>
  </si>
  <si>
    <t>014-027</t>
  </si>
  <si>
    <t>056 GOLEMAN</t>
  </si>
  <si>
    <t>720467-00148-2013.gz</t>
  </si>
  <si>
    <t>HOLIDAY</t>
  </si>
  <si>
    <t>722593-03985-2008.gz</t>
  </si>
  <si>
    <t>FY2013-DECATUR-006</t>
  </si>
  <si>
    <t>720268-53882-2012.gz</t>
  </si>
  <si>
    <t>747760-03818-2006.gz</t>
  </si>
  <si>
    <t>MS0    1010-1131024001</t>
  </si>
  <si>
    <t>723307-53893-2010.gz</t>
  </si>
  <si>
    <t>722072-99999-2004.gz</t>
  </si>
  <si>
    <t>724118-99999-2001.gz</t>
  </si>
  <si>
    <t>722747-99999-1994.gz</t>
  </si>
  <si>
    <t>GOOD FRIDAY</t>
  </si>
  <si>
    <t>727770-94012-2008.gz</t>
  </si>
  <si>
    <t>722255-93842-1999.gz</t>
  </si>
  <si>
    <t>722042-53978-2013.gz</t>
  </si>
  <si>
    <t>724236-03889-2009.gz</t>
  </si>
  <si>
    <t>720601-00193-2013.gz</t>
  </si>
  <si>
    <t>722334-03976-2015.gz</t>
  </si>
  <si>
    <t>PENNER POND 21</t>
  </si>
  <si>
    <t>749048-00415-2014.gz</t>
  </si>
  <si>
    <t>HASTINGS 1</t>
  </si>
  <si>
    <t>722034-12812-2007.gz</t>
  </si>
  <si>
    <t>722822-63903-2009.gz</t>
  </si>
  <si>
    <t>RL636</t>
  </si>
  <si>
    <t>727550-99999-2002.gz</t>
  </si>
  <si>
    <t>747810-13857-2010.gz</t>
  </si>
  <si>
    <t>722119-99999-1996.gz</t>
  </si>
  <si>
    <t>SAPLIN HEAD</t>
  </si>
  <si>
    <t>997992-99999-2013.gz</t>
  </si>
  <si>
    <t>WEBB ROAD</t>
  </si>
  <si>
    <t>724133-99999-1992.gz</t>
  </si>
  <si>
    <t>BOBEL</t>
  </si>
  <si>
    <t>720267-23224-2009.gz</t>
  </si>
  <si>
    <t>GREEN PASTURES FIRE</t>
  </si>
  <si>
    <t>722141-03731-2012.gz</t>
  </si>
  <si>
    <t>727555-99999-1993.gz</t>
  </si>
  <si>
    <t>722231-99999-2008.gz</t>
  </si>
  <si>
    <t>GARDEN BURNER</t>
  </si>
  <si>
    <t>722092-53941-2008.gz</t>
  </si>
  <si>
    <t>722185-99999-1999.gz</t>
  </si>
  <si>
    <t>HOURGLASS</t>
  </si>
  <si>
    <t>724699-99999-1994.gz</t>
  </si>
  <si>
    <t>LIME KILN #1</t>
  </si>
  <si>
    <t>725786-24151-1996.gz</t>
  </si>
  <si>
    <t>726682-54914-2015.gz</t>
  </si>
  <si>
    <t>723235-13896-1994.gz</t>
  </si>
  <si>
    <t>MELTON 1</t>
  </si>
  <si>
    <t>31 days 00:00:00.000000000</t>
  </si>
  <si>
    <t>727730-24153-2015.gz</t>
  </si>
  <si>
    <t>13-28151</t>
  </si>
  <si>
    <t>722447-53903-2013.gz</t>
  </si>
  <si>
    <t>722484-99999-1998.gz</t>
  </si>
  <si>
    <t>723443-53955-2011.gz</t>
  </si>
  <si>
    <t>JOSHUA</t>
  </si>
  <si>
    <t>722721-93063-2007.gz</t>
  </si>
  <si>
    <t>722320-12884-2005.gz</t>
  </si>
  <si>
    <t>725155-94761-2013.gz</t>
  </si>
  <si>
    <t>15-0156</t>
  </si>
  <si>
    <t>724518-03968-2015.gz</t>
  </si>
  <si>
    <t>0804111 GRASS FIRE</t>
  </si>
  <si>
    <t>14-05707</t>
  </si>
  <si>
    <t>722469-53912-2014.gz</t>
  </si>
  <si>
    <t>FY2012-DOOLY-025</t>
  </si>
  <si>
    <t>720948-00328-2012.gz</t>
  </si>
  <si>
    <t>JOHN STARR</t>
  </si>
  <si>
    <t>725705-94030-2012.gz</t>
  </si>
  <si>
    <t>LIONEN RD AND 3003</t>
  </si>
  <si>
    <t>720318-53965-2010.gz</t>
  </si>
  <si>
    <t>HWY84</t>
  </si>
  <si>
    <t>722563-53952-2011.gz</t>
  </si>
  <si>
    <t>POWER LINE</t>
  </si>
  <si>
    <t>723144-99999-2000.gz</t>
  </si>
  <si>
    <t>CLARK SMITH</t>
  </si>
  <si>
    <t>726945-99999-1992.gz</t>
  </si>
  <si>
    <t>723307-99999-1998.gz</t>
  </si>
  <si>
    <t>726083-04836-2007.gz</t>
  </si>
  <si>
    <t>FY2002-PAULDING-070</t>
  </si>
  <si>
    <t>722526-12947-2007.gz</t>
  </si>
  <si>
    <t>722594-99999-2005.gz</t>
  </si>
  <si>
    <t xml:space="preserve">SYCAMORE #5              </t>
  </si>
  <si>
    <t>723890-93193-1994.gz</t>
  </si>
  <si>
    <t>WALKUP ROAD</t>
  </si>
  <si>
    <t>MS0    1111-3330219010</t>
  </si>
  <si>
    <t>722348-53808-2011.gz</t>
  </si>
  <si>
    <t>722235-13838-2000.gz</t>
  </si>
  <si>
    <t>TUNNEL RIDGE</t>
  </si>
  <si>
    <t>A00003</t>
  </si>
  <si>
    <t>725645-24022-2002.gz</t>
  </si>
  <si>
    <t>HWY 49 GRASS FIRE</t>
  </si>
  <si>
    <t>720311-53962-2011.gz</t>
  </si>
  <si>
    <t>36 days 00:00:00.000000000</t>
  </si>
  <si>
    <t>725050-04781-2014.gz</t>
  </si>
  <si>
    <t>17-PILGRIM TRAIL FIRE-0309</t>
  </si>
  <si>
    <t>720383-53847-2011.gz</t>
  </si>
  <si>
    <t>722390-03931-1992.gz</t>
  </si>
  <si>
    <t>C-1 WASH</t>
  </si>
  <si>
    <t>723747-99999-1996.gz</t>
  </si>
  <si>
    <t>LAWN MOWER MAN</t>
  </si>
  <si>
    <t>746935-03709-2010.gz</t>
  </si>
  <si>
    <t>723898-53119-2015.gz</t>
  </si>
  <si>
    <t>724105-99999-1998.gz</t>
  </si>
  <si>
    <t>FIRE BALL</t>
  </si>
  <si>
    <t>HAMMERHEAD</t>
  </si>
  <si>
    <t>744904-99999-2002.gz</t>
  </si>
  <si>
    <t>LEWIN</t>
  </si>
  <si>
    <t>722869-99999-1998.gz</t>
  </si>
  <si>
    <t>725086-99999-2004.gz</t>
  </si>
  <si>
    <t>BIG HLW 2</t>
  </si>
  <si>
    <t>FLATWOODS</t>
  </si>
  <si>
    <t xml:space="preserve">SULPHER                  </t>
  </si>
  <si>
    <t>725905-23275-2005.gz</t>
  </si>
  <si>
    <t>COUNTY ROAD</t>
  </si>
  <si>
    <t>MERRIWEATHER</t>
  </si>
  <si>
    <t>720151-03049-2009.gz</t>
  </si>
  <si>
    <t>BANKS</t>
  </si>
  <si>
    <t>722351-12953-2006.gz</t>
  </si>
  <si>
    <t>722130-13861-2007.gz</t>
  </si>
  <si>
    <t>727550-99999-2005.gz</t>
  </si>
  <si>
    <t>CALEB ROACH CONTROL BURN</t>
  </si>
  <si>
    <t>994710-99999-2014.gz</t>
  </si>
  <si>
    <t>A. J. LANE</t>
  </si>
  <si>
    <t>720274-93799-2013.gz</t>
  </si>
  <si>
    <t>FY2011-CALHOUN-034</t>
  </si>
  <si>
    <t>FY2001-BLECKLEY-044</t>
  </si>
  <si>
    <t>992120-99999-2000.gz</t>
  </si>
  <si>
    <t>EVENSON</t>
  </si>
  <si>
    <t>723448-99999-2003.gz</t>
  </si>
  <si>
    <t>KELLOGG</t>
  </si>
  <si>
    <t>725946-24286-2009.gz</t>
  </si>
  <si>
    <t>HEISLER RD (32)</t>
  </si>
  <si>
    <t>747760-03818-2013.gz</t>
  </si>
  <si>
    <t>726815-24106-1994.gz</t>
  </si>
  <si>
    <t>FY2013-LINCOLN-008</t>
  </si>
  <si>
    <t>ASH</t>
  </si>
  <si>
    <t>725846-99999-1995.gz</t>
  </si>
  <si>
    <t>RUUD</t>
  </si>
  <si>
    <t>722177-63811-2014.gz</t>
  </si>
  <si>
    <t>LESLIE</t>
  </si>
  <si>
    <t>725846-99999-1992.gz</t>
  </si>
  <si>
    <t>KING RUN ROAD</t>
  </si>
  <si>
    <t>724170-13729-1998.gz</t>
  </si>
  <si>
    <t>DEAD CALF</t>
  </si>
  <si>
    <t>723250-03847-2013.gz</t>
  </si>
  <si>
    <t>STONE HOUSE RD.</t>
  </si>
  <si>
    <t>724127-99999-2003.gz</t>
  </si>
  <si>
    <t>WALATOWA</t>
  </si>
  <si>
    <t>723657-03014-2010.gz</t>
  </si>
  <si>
    <t>CAP1</t>
  </si>
  <si>
    <t>MULE PASS</t>
  </si>
  <si>
    <t>722730-03124-2009.gz</t>
  </si>
  <si>
    <t>LANNING RIDGE</t>
  </si>
  <si>
    <t>722484-53905-2005.gz</t>
  </si>
  <si>
    <t>723115-53854-2008.gz</t>
  </si>
  <si>
    <t>725036-99999-2001.gz</t>
  </si>
  <si>
    <t>DUNLAP</t>
  </si>
  <si>
    <t xml:space="preserve">JOHNSON                  </t>
  </si>
  <si>
    <t>723896-99999-2003.gz</t>
  </si>
  <si>
    <t>722348-99999-1998.gz</t>
  </si>
  <si>
    <t>722055-99999-2004.gz</t>
  </si>
  <si>
    <t>SHAMROCK FIRE</t>
  </si>
  <si>
    <t>726904-24231-1992.gz</t>
  </si>
  <si>
    <t>WINNIE DAM #1</t>
  </si>
  <si>
    <t>727458-99999-2005.gz</t>
  </si>
  <si>
    <t xml:space="preserve">OAKLAND                  </t>
  </si>
  <si>
    <t>723566-93950-2006.gz</t>
  </si>
  <si>
    <t xml:space="preserve">WHITESBRIDGE             </t>
  </si>
  <si>
    <t>720298-53971-2015.gz</t>
  </si>
  <si>
    <t>DREAM LAND TRAILER PARK F</t>
  </si>
  <si>
    <t>723143-99999-2000.gz</t>
  </si>
  <si>
    <t xml:space="preserve">QUAIL.                   </t>
  </si>
  <si>
    <t>690020-93218-1992.gz</t>
  </si>
  <si>
    <t>HEALY CREEK</t>
  </si>
  <si>
    <t>29 days 00:00:00.000000000</t>
  </si>
  <si>
    <t>PRUITT</t>
  </si>
  <si>
    <t>742513-53937-2009.gz</t>
  </si>
  <si>
    <t>722055-99999-1996.gz</t>
  </si>
  <si>
    <t>BROOKS ROAD FURNACE FIRE</t>
  </si>
  <si>
    <t>723194-99999-2002.gz</t>
  </si>
  <si>
    <t>SECTION 30</t>
  </si>
  <si>
    <t>723700-99999-1993.gz</t>
  </si>
  <si>
    <t>725038-99999-2001.gz</t>
  </si>
  <si>
    <t>ANDERSONBR</t>
  </si>
  <si>
    <t>726776-24036-1994.gz</t>
  </si>
  <si>
    <t>ECR-20150119-002</t>
  </si>
  <si>
    <t>I CALLED IT IN... DIDN'T I?</t>
  </si>
  <si>
    <t>720261-53976-2011.gz</t>
  </si>
  <si>
    <t>725029-64707-2006.gz</t>
  </si>
  <si>
    <t>724297-93812-1997.gz</t>
  </si>
  <si>
    <t>FY2014-MACON-010</t>
  </si>
  <si>
    <t>720948-00328-2014.gz</t>
  </si>
  <si>
    <t>NORTH BEAVER CREEK</t>
  </si>
  <si>
    <t>999999-94946-2004.gz</t>
  </si>
  <si>
    <t xml:space="preserve">TIERRA                   </t>
  </si>
  <si>
    <t>A07053</t>
  </si>
  <si>
    <t>27301 CORD 32, AL</t>
  </si>
  <si>
    <t>722268-13839-2011.gz</t>
  </si>
  <si>
    <t>723116-03742-2006.gz</t>
  </si>
  <si>
    <t>STATE PARK 3</t>
  </si>
  <si>
    <t>720404-00134-2012.gz</t>
  </si>
  <si>
    <t>723235-13896-2005.gz</t>
  </si>
  <si>
    <t>725156-14748-2015.gz</t>
  </si>
  <si>
    <t>ELLIS AV  GOOD</t>
  </si>
  <si>
    <t>722860-23119-2011.gz</t>
  </si>
  <si>
    <t>B FIREHOLE</t>
  </si>
  <si>
    <t>725775-04111-1997.gz</t>
  </si>
  <si>
    <t>FY2003-TELFAIR-001</t>
  </si>
  <si>
    <t>MS0    0808-5190412003</t>
  </si>
  <si>
    <t>722357-03961-2008.gz</t>
  </si>
  <si>
    <t>BOLGER FIRE</t>
  </si>
  <si>
    <t>723235-13896-2014.gz</t>
  </si>
  <si>
    <t>722120-12833-1994.gz</t>
  </si>
  <si>
    <t>722448-13972-2006.gz</t>
  </si>
  <si>
    <t>BATES</t>
  </si>
  <si>
    <t>722324-03071-2006.gz</t>
  </si>
  <si>
    <t>722215-13884-2000.gz</t>
  </si>
  <si>
    <t>722230-13894-2002.gz</t>
  </si>
  <si>
    <t xml:space="preserve">BAYSHORE RD  (36) </t>
  </si>
  <si>
    <t>008-032</t>
  </si>
  <si>
    <t>722149-04899-2008.gz</t>
  </si>
  <si>
    <t>BROOKS ROAD POND FIRE</t>
  </si>
  <si>
    <t>TH1815</t>
  </si>
  <si>
    <t>727575-94925-1999.gz</t>
  </si>
  <si>
    <t>FY2015-EARLY-015</t>
  </si>
  <si>
    <t>720257-63835-2015.gz</t>
  </si>
  <si>
    <t>ATKINSON X ROADS</t>
  </si>
  <si>
    <t>723108-13776-2002.gz</t>
  </si>
  <si>
    <t>FY2012-MERIWETHER-006</t>
  </si>
  <si>
    <t>NOT READY</t>
  </si>
  <si>
    <t>722506-12959-2004.gz</t>
  </si>
  <si>
    <t>722119-99999-1993.gz</t>
  </si>
  <si>
    <t>LINDEN - 235</t>
  </si>
  <si>
    <t>722051-53932-2012.gz</t>
  </si>
  <si>
    <t>B MINE</t>
  </si>
  <si>
    <t>722350-03940-1996.gz</t>
  </si>
  <si>
    <t>722270-13864-1995.gz</t>
  </si>
  <si>
    <t>TWIN FALLS STATE PARK</t>
  </si>
  <si>
    <t>724125-99999-1996.gz</t>
  </si>
  <si>
    <t>726465-99999-1997.gz</t>
  </si>
  <si>
    <t>724118-93797-2006.gz</t>
  </si>
  <si>
    <t>722268-93843-1994.gz</t>
  </si>
  <si>
    <t>CAN</t>
  </si>
  <si>
    <t>725337-99999-1995.gz</t>
  </si>
  <si>
    <t>723116-03742-2009.gz</t>
  </si>
  <si>
    <t>723566-93950-1999.gz</t>
  </si>
  <si>
    <t xml:space="preserve">I5  N/ HWY 33 5          </t>
  </si>
  <si>
    <t>749179-00392-2009.gz</t>
  </si>
  <si>
    <t>722499-99999-2000.gz</t>
  </si>
  <si>
    <t>723100-13883-2004.gz</t>
  </si>
  <si>
    <t>RT301EAST</t>
  </si>
  <si>
    <t>BUTTERMILK</t>
  </si>
  <si>
    <t>725830-24128-1994.gz</t>
  </si>
  <si>
    <t>1724 ROBERTSMILL POND RD, AL</t>
  </si>
  <si>
    <t>723030-13714-1993.gz</t>
  </si>
  <si>
    <t>ALLEN</t>
  </si>
  <si>
    <t>722484-53905-2006.gz</t>
  </si>
  <si>
    <t>SH CROWE</t>
  </si>
  <si>
    <t>RUIN</t>
  </si>
  <si>
    <t>15 days 00:00:00.000000000</t>
  </si>
  <si>
    <t>NAUE WAY #1</t>
  </si>
  <si>
    <t>722175-13860-2009.gz</t>
  </si>
  <si>
    <t>722216-99999-2015.gz</t>
  </si>
  <si>
    <t>MHM SE 36</t>
  </si>
  <si>
    <t>92 days 00:00:00.000000000</t>
  </si>
  <si>
    <t>999999-11641-1993.gz</t>
  </si>
  <si>
    <t>722448-13972-2003.gz</t>
  </si>
  <si>
    <t>JACK KNIFE II</t>
  </si>
  <si>
    <t>726516-24024-2006.gz</t>
  </si>
  <si>
    <t>A00029</t>
  </si>
  <si>
    <t>724127-53801-2008.gz</t>
  </si>
  <si>
    <t>"""IS IT OR WAS IT"""</t>
  </si>
  <si>
    <t>727550-99999-2004.gz</t>
  </si>
  <si>
    <t>722147-53817-2008.gz</t>
  </si>
  <si>
    <t>722340-13865-2007.gz</t>
  </si>
  <si>
    <t>MILO</t>
  </si>
  <si>
    <t>724243-03849-1997.gz</t>
  </si>
  <si>
    <t>727458-99999-2003.gz</t>
  </si>
  <si>
    <t>726625-24006-2007.gz</t>
  </si>
  <si>
    <t>722499-99999-1998.gz</t>
  </si>
  <si>
    <t>FREEZE FORK</t>
  </si>
  <si>
    <t>725776-99999-1992.gz</t>
  </si>
  <si>
    <t>JEFFERSON</t>
  </si>
  <si>
    <t>725955-24259-2003.gz</t>
  </si>
  <si>
    <t>MS0    1111-6260604002</t>
  </si>
  <si>
    <t>747580-13978-2011.gz</t>
  </si>
  <si>
    <t>PAPOOSE</t>
  </si>
  <si>
    <t>91 days 00:00:00.000000000</t>
  </si>
  <si>
    <t>726865-24196-2007.gz</t>
  </si>
  <si>
    <t>724236-03889-2008.gz</t>
  </si>
  <si>
    <t>722079-99999-1993.gz</t>
  </si>
  <si>
    <t>722230-13894-2004.gz</t>
  </si>
  <si>
    <t>722334-03976-2010.gz</t>
  </si>
  <si>
    <t>WESTWATER 1</t>
  </si>
  <si>
    <t>724760-23066-2009.gz</t>
  </si>
  <si>
    <t>723419-93992-2007.gz</t>
  </si>
  <si>
    <t>723417-93988-2015.gz</t>
  </si>
  <si>
    <t>30596A</t>
  </si>
  <si>
    <t>FY2001-MONTGOMERY-026</t>
  </si>
  <si>
    <t>DEER VALLEY FIRE</t>
  </si>
  <si>
    <t>723146-53892-2015.gz</t>
  </si>
  <si>
    <t>RL212</t>
  </si>
  <si>
    <t>727486-99999-2002.gz</t>
  </si>
  <si>
    <t>722334-03976-2012.gz</t>
  </si>
  <si>
    <t>722120-12833-2004.gz</t>
  </si>
  <si>
    <t>723448-53934-2011.gz</t>
  </si>
  <si>
    <t>720494-00152-2013.gz</t>
  </si>
  <si>
    <t>725145-54746-2012.gz</t>
  </si>
  <si>
    <t>994640-99999-2004.gz</t>
  </si>
  <si>
    <t>35 E</t>
  </si>
  <si>
    <t>722319-53943-2015.gz</t>
  </si>
  <si>
    <t>15688 ROCK RD., MONTICELLO, IOWA</t>
  </si>
  <si>
    <t>725475-04953-2010.gz</t>
  </si>
  <si>
    <t>EUCALYPTUS 2 (26)</t>
  </si>
  <si>
    <t>722108-12894-2015.gz</t>
  </si>
  <si>
    <t>WATER TOWER</t>
  </si>
  <si>
    <t>723410-99999-1995.gz</t>
  </si>
  <si>
    <t>NESP DUMP</t>
  </si>
  <si>
    <t>727890-99999-2005.gz</t>
  </si>
  <si>
    <t>720598-00191-2012.gz</t>
  </si>
  <si>
    <t>723100-13883-2006.gz</t>
  </si>
  <si>
    <t>725156-14748-2001.gz</t>
  </si>
  <si>
    <t>720268-53882-2007.gz</t>
  </si>
  <si>
    <t>STEAMHOLLO</t>
  </si>
  <si>
    <t>724105-99999-1996.gz</t>
  </si>
  <si>
    <t>311FIRE</t>
  </si>
  <si>
    <t>722200-12832-1998.gz</t>
  </si>
  <si>
    <t>992120-99999-2002.gz</t>
  </si>
  <si>
    <t>HARMON II</t>
  </si>
  <si>
    <t>720379-63882-2011.gz</t>
  </si>
  <si>
    <t>DITCH</t>
  </si>
  <si>
    <t>722748-99999-1994.gz</t>
  </si>
  <si>
    <t>DAY ST / SMOKETREE ST</t>
  </si>
  <si>
    <t>GILLEY ROAD AND NEWSOME MOUND</t>
  </si>
  <si>
    <t>17 - HWY 90 FIRE</t>
  </si>
  <si>
    <t>722225-03855-2011.gz</t>
  </si>
  <si>
    <t>999999-94041-1999.gz</t>
  </si>
  <si>
    <t>LOST 2</t>
  </si>
  <si>
    <t>723565-03959-2008.gz</t>
  </si>
  <si>
    <t>722055-99999-2002.gz</t>
  </si>
  <si>
    <t>TRASH FIRE</t>
  </si>
  <si>
    <t>720298-53971-2014.gz</t>
  </si>
  <si>
    <t>992000-99999-1996.gz</t>
  </si>
  <si>
    <t>722133-53946-2011.gz</t>
  </si>
  <si>
    <t>EDGAR POOLE</t>
  </si>
  <si>
    <t>722029-99999-1995.gz</t>
  </si>
  <si>
    <t>747910-13717-1998.gz</t>
  </si>
  <si>
    <t xml:space="preserve">PRIEST                   </t>
  </si>
  <si>
    <t>722255-93842-1997.gz</t>
  </si>
  <si>
    <t>723115-99999-2000.gz</t>
  </si>
  <si>
    <t>(OK) LARSONS (746)</t>
  </si>
  <si>
    <t>722261-00360-2010.gz</t>
  </si>
  <si>
    <t>RED HOUSE 2</t>
  </si>
  <si>
    <t>725825-24121-2007.gz</t>
  </si>
  <si>
    <t>743312-53925-2011.gz</t>
  </si>
  <si>
    <t>723105-99999-2001.gz</t>
  </si>
  <si>
    <t>15-BLUE DUCK FIRE SET 2-0121</t>
  </si>
  <si>
    <t>722224-53862-2011.gz</t>
  </si>
  <si>
    <t>MS0    0909-1700223008</t>
  </si>
  <si>
    <t>720298-53971-2007.gz</t>
  </si>
  <si>
    <t>722348-99999-1994.gz</t>
  </si>
  <si>
    <t>747910-13717-2006.gz</t>
  </si>
  <si>
    <t>OWEN</t>
  </si>
  <si>
    <t xml:space="preserve">JOHN ALBERT IC           </t>
  </si>
  <si>
    <t xml:space="preserve">EGG FIRE                 </t>
  </si>
  <si>
    <t>722907-99999-1996.gz</t>
  </si>
  <si>
    <t>FY2015-RANDOLPH-009</t>
  </si>
  <si>
    <t>720257-63835-2014.gz</t>
  </si>
  <si>
    <t xml:space="preserve">CHAPPARAL                </t>
  </si>
  <si>
    <t>722270-13864-1992.gz</t>
  </si>
  <si>
    <t>1900 OLD HWY 141 BRONSON, IA 51007, IA</t>
  </si>
  <si>
    <t>725484-04942-2011.gz</t>
  </si>
  <si>
    <t>SAINT STEVEN'S CHURCH RD.</t>
  </si>
  <si>
    <t>MS2208</t>
  </si>
  <si>
    <t>727575-94925-1998.gz</t>
  </si>
  <si>
    <t>723566-93950-2001.gz</t>
  </si>
  <si>
    <t>UPO</t>
  </si>
  <si>
    <t>726517-94039-2011.gz</t>
  </si>
  <si>
    <t>723116-99999-2001.gz</t>
  </si>
  <si>
    <t>746925-03741-2006.gz</t>
  </si>
  <si>
    <t>722090-99999-1994.gz</t>
  </si>
  <si>
    <t>722499-53948-2010.gz</t>
  </si>
  <si>
    <t>RED LAKE 069</t>
  </si>
  <si>
    <t>727550-14958-2012.gz</t>
  </si>
  <si>
    <t>ROUND</t>
  </si>
  <si>
    <t>722108-99999-1997.gz</t>
  </si>
  <si>
    <t>722539-12979-2006.gz</t>
  </si>
  <si>
    <t>FY2003-BARTOW-006</t>
  </si>
  <si>
    <t>8TH HOLE</t>
  </si>
  <si>
    <t>724880-23185-2000.gz</t>
  </si>
  <si>
    <t>SNIDER</t>
  </si>
  <si>
    <t>727795-99999-1995.gz</t>
  </si>
  <si>
    <t>CUMPIAN</t>
  </si>
  <si>
    <t>720395-00130-2013.gz</t>
  </si>
  <si>
    <t>722029-99999-2001.gz</t>
  </si>
  <si>
    <t>HOLLOWAY</t>
  </si>
  <si>
    <t>723160-13870-2007.gz</t>
  </si>
  <si>
    <t>TOLLISON CEDAR CR.</t>
  </si>
  <si>
    <t>FRANKS RD FIRE</t>
  </si>
  <si>
    <t>720295-53972-2011.gz</t>
  </si>
  <si>
    <t>SQUIRREL</t>
  </si>
  <si>
    <t>723754-99999-1999.gz</t>
  </si>
  <si>
    <t>GARCEÃ‘O LOOP</t>
  </si>
  <si>
    <t>720584-00181-2012.gz</t>
  </si>
  <si>
    <t>720395-99999-2008.gz</t>
  </si>
  <si>
    <t>ASMUSSEN WHEAT</t>
  </si>
  <si>
    <t>726560-99999-2003.gz</t>
  </si>
  <si>
    <t>723417-93988-2010.gz</t>
  </si>
  <si>
    <t>744864-54787-2012.gz</t>
  </si>
  <si>
    <t>722542-99999-2005.gz</t>
  </si>
  <si>
    <t>POCO RD</t>
  </si>
  <si>
    <t>722209-12986-2009.gz</t>
  </si>
  <si>
    <t>724459-99999-1993.gz</t>
  </si>
  <si>
    <t>FOWLER CREEK</t>
  </si>
  <si>
    <t>10 days 00:00:00.000000000</t>
  </si>
  <si>
    <t>727815-24237-2008.gz</t>
  </si>
  <si>
    <t>DENNY</t>
  </si>
  <si>
    <t>PILGRAMS REST-PECAN GAP</t>
  </si>
  <si>
    <t>722362-93937-2008.gz</t>
  </si>
  <si>
    <t>FY2002-BULLOCH-137</t>
  </si>
  <si>
    <t>747805-99999-2002.gz</t>
  </si>
  <si>
    <t>FAIRVIEW</t>
  </si>
  <si>
    <t>725145-99999-1999.gz</t>
  </si>
  <si>
    <t>CASH-ABC COMPLEX</t>
  </si>
  <si>
    <t>TOWNHALL</t>
  </si>
  <si>
    <t>725416-14864-2013.gz</t>
  </si>
  <si>
    <t>723347-03809-1998.gz</t>
  </si>
  <si>
    <t>BARNES FIRE</t>
  </si>
  <si>
    <t>724240-13807-2011.gz</t>
  </si>
  <si>
    <t>LOOP 179</t>
  </si>
  <si>
    <t>ALCHESAY</t>
  </si>
  <si>
    <t>HERRING STREET FIRE</t>
  </si>
  <si>
    <t xml:space="preserve">RYAN                     </t>
  </si>
  <si>
    <t>722897-99999-2005.gz</t>
  </si>
  <si>
    <t>GWCLIFFSO1</t>
  </si>
  <si>
    <t>723700-99999-1996.gz</t>
  </si>
  <si>
    <t>RIVERA</t>
  </si>
  <si>
    <t>11 days 00:00:00.000000000</t>
  </si>
  <si>
    <t>723654-93091-2010.gz</t>
  </si>
  <si>
    <t>997698-99999-2013.gz</t>
  </si>
  <si>
    <t>725025-94741-2005.gz</t>
  </si>
  <si>
    <t>722120-12833-1998.gz</t>
  </si>
  <si>
    <t>TUTON</t>
  </si>
  <si>
    <t>722683-99999-2002.gz</t>
  </si>
  <si>
    <t>WOHLFORD 3</t>
  </si>
  <si>
    <t>745056-53120-2009.gz</t>
  </si>
  <si>
    <t>17CALIBER</t>
  </si>
  <si>
    <t>726558-04914-2012.gz</t>
  </si>
  <si>
    <t>722067-93832-1997.gz</t>
  </si>
  <si>
    <t>724017-99999-1999.gz</t>
  </si>
  <si>
    <t>785140-11603-2009.gz</t>
  </si>
  <si>
    <t>724505-03923-2015.gz</t>
  </si>
  <si>
    <t>WINEGLASS</t>
  </si>
  <si>
    <t>723723-23184-2000.gz</t>
  </si>
  <si>
    <t>MS0    0808-5110331003</t>
  </si>
  <si>
    <t>JENKINS FORK #2</t>
  </si>
  <si>
    <t>724140-13866-2013.gz</t>
  </si>
  <si>
    <t>724459-99999-1992.gz</t>
  </si>
  <si>
    <t>GLAD</t>
  </si>
  <si>
    <t>R7</t>
  </si>
  <si>
    <t>727550-99999-1995.gz</t>
  </si>
  <si>
    <t>2NDCHANCE</t>
  </si>
  <si>
    <t>726667-99999-2003.gz</t>
  </si>
  <si>
    <t>FY2013-PIERCE-004</t>
  </si>
  <si>
    <t>723160-13870-2012.gz</t>
  </si>
  <si>
    <t xml:space="preserve">SMOKETREE FIRE           </t>
  </si>
  <si>
    <t>723825-23131-2005.gz</t>
  </si>
  <si>
    <t>999999-53927-2015.gz</t>
  </si>
  <si>
    <t>FY2012-BULLOCH-044</t>
  </si>
  <si>
    <t>722691-00366-2012.gz</t>
  </si>
  <si>
    <t>722587-93955-2008.gz</t>
  </si>
  <si>
    <t>SWAIN</t>
  </si>
  <si>
    <t xml:space="preserve">RINCON#1                 </t>
  </si>
  <si>
    <t>722927-99999-1995.gz</t>
  </si>
  <si>
    <t>POWERLINE FIRE</t>
  </si>
  <si>
    <t xml:space="preserve">LGT. #1                  </t>
  </si>
  <si>
    <t>725958-99999-2000.gz</t>
  </si>
  <si>
    <t>994380-99999-2001.gz</t>
  </si>
  <si>
    <t>GREENWOOD ROAD FIRE</t>
  </si>
  <si>
    <t>723143-99999-1996.gz</t>
  </si>
  <si>
    <t>749484-00395-2011.gz</t>
  </si>
  <si>
    <t>720604-00196-2012.gz</t>
  </si>
  <si>
    <t>727815-24237-1994.gz</t>
  </si>
  <si>
    <t>LOCKEN</t>
  </si>
  <si>
    <t>E CHILDS AV /S ARBOLEDA D</t>
  </si>
  <si>
    <t>724815-23257-2009.gz</t>
  </si>
  <si>
    <t xml:space="preserve">CAL-TRANS                </t>
  </si>
  <si>
    <t>725920-24257-1997.gz</t>
  </si>
  <si>
    <t>FISHER BOWEN ROAD</t>
  </si>
  <si>
    <t>724043-03756-2008.gz</t>
  </si>
  <si>
    <t>HORSESHOE RD</t>
  </si>
  <si>
    <t>726625-99999-2000.gz</t>
  </si>
  <si>
    <t>MILE MARKER 146</t>
  </si>
  <si>
    <t>HOTSPRINGS</t>
  </si>
  <si>
    <t>725760-24021-1996.gz</t>
  </si>
  <si>
    <t>724400-13995-1996.gz</t>
  </si>
  <si>
    <t>SCHOLHOUSE</t>
  </si>
  <si>
    <t>722907-99999-1991.gz</t>
  </si>
  <si>
    <t>726810-24131-1994.gz</t>
  </si>
  <si>
    <t>HILLSIDE IN MEDINA</t>
  </si>
  <si>
    <t>722537-12961-2009.gz</t>
  </si>
  <si>
    <t>720313-03052-2014.gz</t>
  </si>
  <si>
    <t>725155-94761-2008.gz</t>
  </si>
  <si>
    <t>727437-94893-2010.gz</t>
  </si>
  <si>
    <t>725144-54723-2007.gz</t>
  </si>
  <si>
    <t>723122-63889-2012.gz</t>
  </si>
  <si>
    <t>HWY 135</t>
  </si>
  <si>
    <t>720298-53971-2009.gz</t>
  </si>
  <si>
    <t>722123-99999-1997.gz</t>
  </si>
  <si>
    <t>725194-99999-2005.gz</t>
  </si>
  <si>
    <t>CENTURY</t>
  </si>
  <si>
    <t>722880-23152-2008.gz</t>
  </si>
  <si>
    <t>726578-04944-2006.gz</t>
  </si>
  <si>
    <t>ISLE LA MOTTE</t>
  </si>
  <si>
    <t>VT</t>
  </si>
  <si>
    <t>720494-00152-2015.gz</t>
  </si>
  <si>
    <t>785140-99999-2004.gz</t>
  </si>
  <si>
    <t>724354-63815-2007.gz</t>
  </si>
  <si>
    <t>720596-00189-2009.gz</t>
  </si>
  <si>
    <t>LAKE LANICE</t>
  </si>
  <si>
    <t>TOAD</t>
  </si>
  <si>
    <t>63 days 00:00:00.000000000</t>
  </si>
  <si>
    <t>724756-23159-2007.gz</t>
  </si>
  <si>
    <t>722348-99999-2004.gz</t>
  </si>
  <si>
    <t>722268-93843-1993.gz</t>
  </si>
  <si>
    <t>INGALLS CREEK</t>
  </si>
  <si>
    <t>722252-54923-2009.gz</t>
  </si>
  <si>
    <t>CR 435</t>
  </si>
  <si>
    <t>720622-99999-2010.gz</t>
  </si>
  <si>
    <t>SECOND HILL LAKE</t>
  </si>
  <si>
    <t>702710-26425-2015.gz</t>
  </si>
  <si>
    <t>FY2002-WARREN-035</t>
  </si>
  <si>
    <t>JIM CREEK</t>
  </si>
  <si>
    <t>DOG</t>
  </si>
  <si>
    <t>724800-23157-1999.gz</t>
  </si>
  <si>
    <t>FIVE STAR</t>
  </si>
  <si>
    <t>720636-00222-2012.gz</t>
  </si>
  <si>
    <t>MS0    0909-4230614001</t>
  </si>
  <si>
    <t>720391-00127-2007.gz</t>
  </si>
  <si>
    <t>1105 CR 3203</t>
  </si>
  <si>
    <t>720298-53971-2010.gz</t>
  </si>
  <si>
    <t>HENDERSON - 068</t>
  </si>
  <si>
    <t>722480-13957-2009.gz</t>
  </si>
  <si>
    <t>747770-03852-1997.gz</t>
  </si>
  <si>
    <t xml:space="preserve">STATE                    </t>
  </si>
  <si>
    <t>722867-23156-1993.gz</t>
  </si>
  <si>
    <t>722600-03969-2007.gz</t>
  </si>
  <si>
    <t>TUCKERS CHAPEL</t>
  </si>
  <si>
    <t>084 VOLUNTEER</t>
  </si>
  <si>
    <t>LMU LGT 56</t>
  </si>
  <si>
    <t>725958-99999-1999.gz</t>
  </si>
  <si>
    <t>SUNDANCE</t>
  </si>
  <si>
    <t>724767-99999-2001.gz</t>
  </si>
  <si>
    <t>JEFF HILL</t>
  </si>
  <si>
    <t>GARCIA 2</t>
  </si>
  <si>
    <t>725905-23275-1998.gz</t>
  </si>
  <si>
    <t>SHELL</t>
  </si>
  <si>
    <t>722747-99999-1998.gz</t>
  </si>
  <si>
    <t>W.PRYORS</t>
  </si>
  <si>
    <t>726700-99999-1996.gz</t>
  </si>
  <si>
    <t>LOVE CEM. RD.</t>
  </si>
  <si>
    <t>744652-53897-2013.gz</t>
  </si>
  <si>
    <t>FY2000-SCREVEN-055</t>
  </si>
  <si>
    <t>747686-13820-2014.gz</t>
  </si>
  <si>
    <t>BALL HILL</t>
  </si>
  <si>
    <t>722348-99999-2005.gz</t>
  </si>
  <si>
    <t>CR 392 (07)</t>
  </si>
  <si>
    <t>747750-13846-2012.gz</t>
  </si>
  <si>
    <t>723273-99999-2001.gz</t>
  </si>
  <si>
    <t>722108-99999-1993.gz</t>
  </si>
  <si>
    <t>RL036</t>
  </si>
  <si>
    <t>727555-94956-2008.gz</t>
  </si>
  <si>
    <t>FY2001-THOMAS-018</t>
  </si>
  <si>
    <t>747805-99999-2005.gz</t>
  </si>
  <si>
    <t>KENTON</t>
  </si>
  <si>
    <t>722747-99999-2005.gz</t>
  </si>
  <si>
    <t>JACKS POINT</t>
  </si>
  <si>
    <t>720328-63832-2009.gz</t>
  </si>
  <si>
    <t>WALTER</t>
  </si>
  <si>
    <t>HAZ HOGS</t>
  </si>
  <si>
    <t>726517-94039-2012.gz</t>
  </si>
  <si>
    <t>720604-00196-2013.gz</t>
  </si>
  <si>
    <t>724017-99999-1997.gz</t>
  </si>
  <si>
    <t>725180-14735-2006.gz</t>
  </si>
  <si>
    <t>726508-94973-2012.gz</t>
  </si>
  <si>
    <t>ALUM CREEK</t>
  </si>
  <si>
    <t>PINEY BRANCH</t>
  </si>
  <si>
    <t>BLACK CREEK</t>
  </si>
  <si>
    <t>WALKER MTN #4</t>
  </si>
  <si>
    <t>HORSESHOE LAKE</t>
  </si>
  <si>
    <t>727790-24146-2009.gz</t>
  </si>
  <si>
    <t>720305-53964-2008.gz</t>
  </si>
  <si>
    <t xml:space="preserve">MAST                     </t>
  </si>
  <si>
    <t>723895-99999-1992.gz</t>
  </si>
  <si>
    <t>725145-99999-2005.gz</t>
  </si>
  <si>
    <t>727347-14841-1995.gz</t>
  </si>
  <si>
    <t>723425-00373-2010.gz</t>
  </si>
  <si>
    <t>722359-13978-2004.gz</t>
  </si>
  <si>
    <t xml:space="preserve">JACUMBA                  </t>
  </si>
  <si>
    <t>AIRPORT 1</t>
  </si>
  <si>
    <t>725945-24283-2014.gz</t>
  </si>
  <si>
    <t>725038-99999-2004.gz</t>
  </si>
  <si>
    <t>THIRTY</t>
  </si>
  <si>
    <t>722484-99999-1999.gz</t>
  </si>
  <si>
    <t>722029-99999-2000.gz</t>
  </si>
  <si>
    <t>RUSH 2</t>
  </si>
  <si>
    <t>726514-94032-2012.gz</t>
  </si>
  <si>
    <t>K-15</t>
  </si>
  <si>
    <t>724066-93706-2008.gz</t>
  </si>
  <si>
    <t xml:space="preserve">BOARD CAMP               </t>
  </si>
  <si>
    <t>725940-99999-1997.gz</t>
  </si>
  <si>
    <t>MS0    1010-3770417002</t>
  </si>
  <si>
    <t>722348-53808-2010.gz</t>
  </si>
  <si>
    <t>722728-03196-2010.gz</t>
  </si>
  <si>
    <t>TWO FINGER</t>
  </si>
  <si>
    <t>724354-99999-1995.gz</t>
  </si>
  <si>
    <t>722280-13876-2000.gz</t>
  </si>
  <si>
    <t>720397-00131-2013.gz</t>
  </si>
  <si>
    <t>722535-12909-2008.gz</t>
  </si>
  <si>
    <t>722217-63881-2007.gz</t>
  </si>
  <si>
    <t>722330-53865-2010.gz</t>
  </si>
  <si>
    <t>722270-13864-1991.gz</t>
  </si>
  <si>
    <t>PARKER CANYON</t>
  </si>
  <si>
    <t>722730-03124-2007.gz</t>
  </si>
  <si>
    <t>09-002</t>
  </si>
  <si>
    <t>722541-53914-2008.gz</t>
  </si>
  <si>
    <t>722341-92822-2009.gz</t>
  </si>
  <si>
    <t>723117-99999-2002.gz</t>
  </si>
  <si>
    <t>SAME FIELD</t>
  </si>
  <si>
    <t>723030-99999-2000.gz</t>
  </si>
  <si>
    <t>BOYS</t>
  </si>
  <si>
    <t>725220-14750-2007.gz</t>
  </si>
  <si>
    <t>723566-93950-2012.gz</t>
  </si>
  <si>
    <t>05-02-NOV/MORRIS FIRE-1807</t>
  </si>
  <si>
    <t>A00023-63890-2010.gz</t>
  </si>
  <si>
    <t>A00022</t>
  </si>
  <si>
    <t>HAMPTON 5 (53)</t>
  </si>
  <si>
    <t>721042-00486-2013.gz</t>
  </si>
  <si>
    <t>725784-99999-1996.gz</t>
  </si>
  <si>
    <t>726166-54781-2009.gz</t>
  </si>
  <si>
    <t>SYCAMORE</t>
  </si>
  <si>
    <t>INTERSTATE</t>
  </si>
  <si>
    <t>RUBY</t>
  </si>
  <si>
    <t>725847-93230-2007.gz</t>
  </si>
  <si>
    <t>722340-13865-2005.gz</t>
  </si>
  <si>
    <t>720602-00194-2011.gz</t>
  </si>
  <si>
    <t>PAINTED HORSE</t>
  </si>
  <si>
    <t>722231-00357-2010.gz</t>
  </si>
  <si>
    <t>118 days 00:00:00.000000000</t>
  </si>
  <si>
    <t>723307-53893-2007.gz</t>
  </si>
  <si>
    <t>AEP</t>
  </si>
  <si>
    <t>727505-99999-1992.gz</t>
  </si>
  <si>
    <t>CORNER STORE</t>
  </si>
  <si>
    <t>722720-93026-2012.gz</t>
  </si>
  <si>
    <t>723145-03810-1995.gz</t>
  </si>
  <si>
    <t>MS0    0909-5320307023</t>
  </si>
  <si>
    <t>722357-03961-2009.gz</t>
  </si>
  <si>
    <t>CUTTING TORCH FIRE</t>
  </si>
  <si>
    <t>723347-03809-2007.gz</t>
  </si>
  <si>
    <t>723115-53854-2007.gz</t>
  </si>
  <si>
    <t>MS0    0808-4231027006</t>
  </si>
  <si>
    <t>FLAT ROCK FIRE</t>
  </si>
  <si>
    <t>725970-24225-2013.gz</t>
  </si>
  <si>
    <t>RL037</t>
  </si>
  <si>
    <t>PINE WOOD (5)</t>
  </si>
  <si>
    <t>998275-99999-2010.gz</t>
  </si>
  <si>
    <t>RL 337</t>
  </si>
  <si>
    <t>727486-04983-2015.gz</t>
  </si>
  <si>
    <t>722120-12833-1999.gz</t>
  </si>
  <si>
    <t>HWY. 157</t>
  </si>
  <si>
    <t>723346-03811-2010.gz</t>
  </si>
  <si>
    <t>MCBAIN RD</t>
  </si>
  <si>
    <t>1405 CARR RD, AL</t>
  </si>
  <si>
    <t>723200-93801-2005.gz</t>
  </si>
  <si>
    <t>EL MIRAGE</t>
  </si>
  <si>
    <t>722154-53885-2007.gz</t>
  </si>
  <si>
    <t>723147-53870-2009.gz</t>
  </si>
  <si>
    <t>724236-03889-2000.gz</t>
  </si>
  <si>
    <t>911976-99999-2007.gz</t>
  </si>
  <si>
    <t>FFS 136/ 184 WF</t>
  </si>
  <si>
    <t>722024-12882-2015.gz</t>
  </si>
  <si>
    <t>720261-53976-2008.gz</t>
  </si>
  <si>
    <t>WILLIS HUGHES FIRE</t>
  </si>
  <si>
    <t>722192-23033-2010.gz</t>
  </si>
  <si>
    <t>723035-99999-1992.gz</t>
  </si>
  <si>
    <t>723260-13891-1997.gz</t>
  </si>
  <si>
    <t>722090-99999-1998.gz</t>
  </si>
  <si>
    <t>LAWN CHAIR</t>
  </si>
  <si>
    <t>722141-03731-2011.gz</t>
  </si>
  <si>
    <t>BLITZEN</t>
  </si>
  <si>
    <t>NO ACCESS</t>
  </si>
  <si>
    <t>722788-99999-2000.gz</t>
  </si>
  <si>
    <t>CEDAR CANYON</t>
  </si>
  <si>
    <t>723565-03959-2007.gz</t>
  </si>
  <si>
    <t>BUCK BRANCH</t>
  </si>
  <si>
    <t>720257-63835-2006.gz</t>
  </si>
  <si>
    <t>SPAR PEAK</t>
  </si>
  <si>
    <t>727834-99999-1994.gz</t>
  </si>
  <si>
    <t>COUNTY LINE</t>
  </si>
  <si>
    <t>725784-99999-2000.gz</t>
  </si>
  <si>
    <t>NORTHCINDR</t>
  </si>
  <si>
    <t>726815-99999-2000.gz</t>
  </si>
  <si>
    <t>ANDRADE</t>
  </si>
  <si>
    <t>CEDAR HILLS</t>
  </si>
  <si>
    <t>725724-99999-1995.gz</t>
  </si>
  <si>
    <t>WALSH</t>
  </si>
  <si>
    <t>723118-53850-2008.gz</t>
  </si>
  <si>
    <t>SH 29W/RR 1222/STARKS RD/S. LACKEY</t>
  </si>
  <si>
    <t>723628-93942-2014.gz</t>
  </si>
  <si>
    <t>MOORE FIRE</t>
  </si>
  <si>
    <t>723109-93782-2008.gz</t>
  </si>
  <si>
    <t>722133-53946-2014.gz</t>
  </si>
  <si>
    <t>722104-92806-1998.gz</t>
  </si>
  <si>
    <t>720278-03704-2008.gz</t>
  </si>
  <si>
    <t>VANSLYKE</t>
  </si>
  <si>
    <t>720302-53963-2009.gz</t>
  </si>
  <si>
    <t>TREE</t>
  </si>
  <si>
    <t>726667-99999-1999.gz</t>
  </si>
  <si>
    <t>725124-64705-2006.gz</t>
  </si>
  <si>
    <t>SENGER</t>
  </si>
  <si>
    <t>A00004</t>
  </si>
  <si>
    <t>A00004-53929-2006.gz</t>
  </si>
  <si>
    <t>726578-99999-1996.gz</t>
  </si>
  <si>
    <t>724125-03859-2007.gz</t>
  </si>
  <si>
    <t>SCANNER</t>
  </si>
  <si>
    <t>722230-13894-1997.gz</t>
  </si>
  <si>
    <t>CALPAC4</t>
  </si>
  <si>
    <t>725945-24283-1999.gz</t>
  </si>
  <si>
    <t>415 POWERLINES (64)</t>
  </si>
  <si>
    <t>722057-12854-2015.gz</t>
  </si>
  <si>
    <t>LOUISIANA MAN</t>
  </si>
  <si>
    <t>FY2000-GORDON-066</t>
  </si>
  <si>
    <t>723200-99999-2000.gz</t>
  </si>
  <si>
    <t>723403-13963-2006.gz</t>
  </si>
  <si>
    <t xml:space="preserve">FRICOT                   </t>
  </si>
  <si>
    <t>724920-23237-1995.gz</t>
  </si>
  <si>
    <t>722136-53883-2010.gz</t>
  </si>
  <si>
    <t>724464-99999-2001.gz</t>
  </si>
  <si>
    <t>FOOTS CREEK</t>
  </si>
  <si>
    <t>725970-24225-1998.gz</t>
  </si>
  <si>
    <t>723417-93988-2011.gz</t>
  </si>
  <si>
    <t>722350-03940-1997.gz</t>
  </si>
  <si>
    <t>747900-13849-2007.gz</t>
  </si>
  <si>
    <t>720305-53964-2007.gz</t>
  </si>
  <si>
    <t>ORGAN</t>
  </si>
  <si>
    <t>722690-99999-1994.gz</t>
  </si>
  <si>
    <t>723105-99999-2000.gz</t>
  </si>
  <si>
    <t>ACORN LOOP</t>
  </si>
  <si>
    <t>722209-12986-2013.gz</t>
  </si>
  <si>
    <t>ALLISON RANCH</t>
  </si>
  <si>
    <t>722587-93955-2013.gz</t>
  </si>
  <si>
    <t>PHILIDEPHA CHURCH RD. FIR</t>
  </si>
  <si>
    <t>POTTER 2</t>
  </si>
  <si>
    <t>723630-23047-1997.gz</t>
  </si>
  <si>
    <t>WHITE</t>
  </si>
  <si>
    <t>IRON HAWK</t>
  </si>
  <si>
    <t>727640-24011-2008.gz</t>
  </si>
  <si>
    <t>COOPERS CR.</t>
  </si>
  <si>
    <t>720259-63844-2008.gz</t>
  </si>
  <si>
    <t>726550-14926-1997.gz</t>
  </si>
  <si>
    <t>BUTTE DIVI</t>
  </si>
  <si>
    <t>722354-13927-2007.gz</t>
  </si>
  <si>
    <t xml:space="preserve">BAILEY                   </t>
  </si>
  <si>
    <t>SALLY BULL</t>
  </si>
  <si>
    <t>25 MILE II</t>
  </si>
  <si>
    <t>727890-94197-2013.gz</t>
  </si>
  <si>
    <t xml:space="preserve">SAUNDERS                 </t>
  </si>
  <si>
    <t>724837-93216-1996.gz</t>
  </si>
  <si>
    <t>MCCORMICK &amp; FM 2590</t>
  </si>
  <si>
    <t>723630-23047-2015.gz</t>
  </si>
  <si>
    <t>722469-53912-2008.gz</t>
  </si>
  <si>
    <t>IH 37 #1</t>
  </si>
  <si>
    <t>HABELT</t>
  </si>
  <si>
    <t>726985-24242-2008.gz</t>
  </si>
  <si>
    <t>722034-12812-2008.gz</t>
  </si>
  <si>
    <t>720633-00219-2014.gz</t>
  </si>
  <si>
    <t>723418-13977-1996.gz</t>
  </si>
  <si>
    <t>724250-03860-2008.gz</t>
  </si>
  <si>
    <t>723115-99999-2002.gz</t>
  </si>
  <si>
    <t>722014-12818-2009.gz</t>
  </si>
  <si>
    <t>722499-53948-2006.gz</t>
  </si>
  <si>
    <t>RND BALE 2</t>
  </si>
  <si>
    <t>(MA) ROSEMARY ONE (433)</t>
  </si>
  <si>
    <t>722189-92815-2010.gz</t>
  </si>
  <si>
    <t>NE 30136</t>
  </si>
  <si>
    <t>722133-53946-2010.gz</t>
  </si>
  <si>
    <t>BRIAR IN EYE</t>
  </si>
  <si>
    <t>722429-99999-1998.gz</t>
  </si>
  <si>
    <t>724462-03073-2014.gz</t>
  </si>
  <si>
    <t>723407-99999-1999.gz</t>
  </si>
  <si>
    <t>COOPER CREEK</t>
  </si>
  <si>
    <t>726385-99999-1996.gz</t>
  </si>
  <si>
    <t>VAN10310565</t>
  </si>
  <si>
    <t>720401-00133-2014.gz</t>
  </si>
  <si>
    <t>SHIELDS</t>
  </si>
  <si>
    <t>722134-63822-2008.gz</t>
  </si>
  <si>
    <t>724354-99999-1998.gz</t>
  </si>
  <si>
    <t>ARMIGO</t>
  </si>
  <si>
    <t>722107-03056-2011.gz</t>
  </si>
  <si>
    <t>HAYRICK CEMETARY</t>
  </si>
  <si>
    <t>WNA 19</t>
  </si>
  <si>
    <t>724880-23185-2011.gz</t>
  </si>
  <si>
    <t>77TH RD(61)</t>
  </si>
  <si>
    <t>911780-22551-2009.gz</t>
  </si>
  <si>
    <t>722869-99999-1992.gz</t>
  </si>
  <si>
    <t>LINDEN - 6147</t>
  </si>
  <si>
    <t>727434-04870-2009.gz</t>
  </si>
  <si>
    <t>723440-13964-2002.gz</t>
  </si>
  <si>
    <t>725416-99999-2002.gz</t>
  </si>
  <si>
    <t>ERVIN BROWN ROAD FIRE</t>
  </si>
  <si>
    <t>724106-13728-2009.gz</t>
  </si>
  <si>
    <t>FLARE</t>
  </si>
  <si>
    <t>744976-99999-1993.gz</t>
  </si>
  <si>
    <t>722038-12897-2007.gz</t>
  </si>
  <si>
    <t>722820-03949-2009.gz</t>
  </si>
  <si>
    <t>725765-99999-2003.gz</t>
  </si>
  <si>
    <t>725194-54778-2006.gz</t>
  </si>
  <si>
    <t>13959 CR283</t>
  </si>
  <si>
    <t>722448-13972-2013.gz</t>
  </si>
  <si>
    <t>MS0    1010-2401213002</t>
  </si>
  <si>
    <t>MANCHESTER</t>
  </si>
  <si>
    <t>723030-13714-1999.gz</t>
  </si>
  <si>
    <t>722060-13889-1994.gz</t>
  </si>
  <si>
    <t>MOSS SPRINGS</t>
  </si>
  <si>
    <t>726884-24148-2006.gz</t>
  </si>
  <si>
    <t>TH1701</t>
  </si>
  <si>
    <t>POTATO</t>
  </si>
  <si>
    <t>REPEATER</t>
  </si>
  <si>
    <t>722268-93843-1992.gz</t>
  </si>
  <si>
    <t>722060-13889-1995.gz</t>
  </si>
  <si>
    <t>747806-63809-2010.gz</t>
  </si>
  <si>
    <t>FM 236</t>
  </si>
  <si>
    <t>066-09</t>
  </si>
  <si>
    <t>OLD DOWNED POWERLINE</t>
  </si>
  <si>
    <t xml:space="preserve">LAKESIDE HIGH SCH LELS   </t>
  </si>
  <si>
    <t>PERRY</t>
  </si>
  <si>
    <t>726558-99999-2000.gz</t>
  </si>
  <si>
    <t>WUNDER</t>
  </si>
  <si>
    <t>720286-53977-2008.gz</t>
  </si>
  <si>
    <t>723656-23049-1992.gz</t>
  </si>
  <si>
    <t>POWERLINES</t>
  </si>
  <si>
    <t>726816-99999-2005.gz</t>
  </si>
  <si>
    <t>725526-14905-2009.gz</t>
  </si>
  <si>
    <t xml:space="preserve">0FKU0010852              </t>
  </si>
  <si>
    <t>723898-99999-2000.gz</t>
  </si>
  <si>
    <t>INVERNESS (26)</t>
  </si>
  <si>
    <t>REFUSED FIRE</t>
  </si>
  <si>
    <t>723656-23049-2008.gz</t>
  </si>
  <si>
    <t>722042-53978-2006.gz</t>
  </si>
  <si>
    <t>PRIVATE FARM RD</t>
  </si>
  <si>
    <t>724294-99999-1999.gz</t>
  </si>
  <si>
    <t>726116-94765-1998.gz</t>
  </si>
  <si>
    <t>722246-03844-2008.gz</t>
  </si>
  <si>
    <t>STILES COMPLEX</t>
  </si>
  <si>
    <t>722688-93034-2008.gz</t>
  </si>
  <si>
    <t>FY2000-MILLER-047</t>
  </si>
  <si>
    <t>724240-13807-2007.gz</t>
  </si>
  <si>
    <t>CO. RT. 17</t>
  </si>
  <si>
    <t>A00012</t>
  </si>
  <si>
    <t xml:space="preserve">WALNUT AV  MARYSVILLE_FD </t>
  </si>
  <si>
    <t>724837-93216-2010.gz</t>
  </si>
  <si>
    <t xml:space="preserve">THE PALM TREE FIRE       </t>
  </si>
  <si>
    <t>747187-03104-2004.gz</t>
  </si>
  <si>
    <t>CHARLIE</t>
  </si>
  <si>
    <t>GALVESTON</t>
  </si>
  <si>
    <t>FY2001-DECATUR-053</t>
  </si>
  <si>
    <t>747760-99999-2001.gz</t>
  </si>
  <si>
    <t>FY2002-FLOYD-044</t>
  </si>
  <si>
    <t>723200-99999-2001.gz</t>
  </si>
  <si>
    <t>722170-03813-1999.gz</t>
  </si>
  <si>
    <t>743700-14715-2008.gz</t>
  </si>
  <si>
    <t>CACHE</t>
  </si>
  <si>
    <t>725744-24027-2007.gz</t>
  </si>
  <si>
    <t>MOSS BUFF 18</t>
  </si>
  <si>
    <t>BUNYARD</t>
  </si>
  <si>
    <t>726545-99999-2004.gz</t>
  </si>
  <si>
    <t>CHESTNUT HILL</t>
  </si>
  <si>
    <t>723150-03812-2004.gz</t>
  </si>
  <si>
    <t>722547-99999-2003.gz</t>
  </si>
  <si>
    <t>MOSELEY MOUNTAIN FIRE</t>
  </si>
  <si>
    <t>722198-63819-2014.gz</t>
  </si>
  <si>
    <t>RIDGEWAY GRASS FIRE</t>
  </si>
  <si>
    <t>722541-53914-2013.gz</t>
  </si>
  <si>
    <t>JOHN DEERE</t>
  </si>
  <si>
    <t>726627-94037-2005.gz</t>
  </si>
  <si>
    <t>HOGANS HOLE</t>
  </si>
  <si>
    <t>MACK LAKE</t>
  </si>
  <si>
    <t>725156-14748-2012.gz</t>
  </si>
  <si>
    <t>723100-13883-1998.gz</t>
  </si>
  <si>
    <t>EJ RANCH</t>
  </si>
  <si>
    <t>722676-03035-2011.gz</t>
  </si>
  <si>
    <t>S5WEST BOUINK MTN</t>
  </si>
  <si>
    <t>720353-63875-2009.gz</t>
  </si>
  <si>
    <t>OAK II</t>
  </si>
  <si>
    <t>725905-23275-1996.gz</t>
  </si>
  <si>
    <t>722554-12978-2006.gz</t>
  </si>
  <si>
    <t>747806-99999-2004.gz</t>
  </si>
  <si>
    <t>LIBERTY GROVE CUTOVER</t>
  </si>
  <si>
    <t>724459-99999-2001.gz</t>
  </si>
  <si>
    <t>COMPOUND FIRE</t>
  </si>
  <si>
    <t>994160-99999-1997.gz</t>
  </si>
  <si>
    <t>727475-99999-1992.gz</t>
  </si>
  <si>
    <t xml:space="preserve">LOCAL FIRE               </t>
  </si>
  <si>
    <t>722014-99999-2005.gz</t>
  </si>
  <si>
    <t>TALLULAH RIVER #3</t>
  </si>
  <si>
    <t>720259-63844-2007.gz</t>
  </si>
  <si>
    <t>FY2002-APPLING-057</t>
  </si>
  <si>
    <t>722064-99999-1999.gz</t>
  </si>
  <si>
    <t>CARIBOU</t>
  </si>
  <si>
    <t>727120-14607-1993.gz</t>
  </si>
  <si>
    <t>JUDD FARM</t>
  </si>
  <si>
    <t>720281-53969-2009.gz</t>
  </si>
  <si>
    <t>722404-13941-1999.gz</t>
  </si>
  <si>
    <t>LITTLE SAL</t>
  </si>
  <si>
    <t>725717-99999-1994.gz</t>
  </si>
  <si>
    <t>FY2002-IRWIN-047</t>
  </si>
  <si>
    <t>722350-03940-2002.gz</t>
  </si>
  <si>
    <t>726673-99999-1993.gz</t>
  </si>
  <si>
    <t>NEVADA.</t>
  </si>
  <si>
    <t>725847-93230-2003.gz</t>
  </si>
  <si>
    <t>CALDWELL</t>
  </si>
  <si>
    <t>726465-99999-2000.gz</t>
  </si>
  <si>
    <t>GILBERT CREEK</t>
  </si>
  <si>
    <t>FLATIRON</t>
  </si>
  <si>
    <t>726815-24106-1995.gz</t>
  </si>
  <si>
    <t>LILLIAN</t>
  </si>
  <si>
    <t>722164-53949-2006.gz</t>
  </si>
  <si>
    <t>STONEY FORK</t>
  </si>
  <si>
    <t>723403-13963-2005.gz</t>
  </si>
  <si>
    <t>GRASSFIRE</t>
  </si>
  <si>
    <t>CURRY GRASS FIRE</t>
  </si>
  <si>
    <t>722107-03056-2010.gz</t>
  </si>
  <si>
    <t>BASS AV / HELM CANAL RD 3</t>
  </si>
  <si>
    <t>DEBRUCE</t>
  </si>
  <si>
    <t>722214-03070-2011.gz</t>
  </si>
  <si>
    <t>ROLLOVER CREEK</t>
  </si>
  <si>
    <t>723067-93726-2011.gz</t>
  </si>
  <si>
    <t>LONG POND</t>
  </si>
  <si>
    <t>722218-99999-2008.gz</t>
  </si>
  <si>
    <t>726426-04895-2010.gz</t>
  </si>
  <si>
    <t>DUNN</t>
  </si>
  <si>
    <t>726560-24025-2012.gz</t>
  </si>
  <si>
    <t>722051-53932-2008.gz</t>
  </si>
  <si>
    <t>723040-93729-1995.gz</t>
  </si>
  <si>
    <t>PAYSON DUMP</t>
  </si>
  <si>
    <t>FY2002-TIFT-042</t>
  </si>
  <si>
    <t>DUMP</t>
  </si>
  <si>
    <t>745057-99999-2002.gz</t>
  </si>
  <si>
    <t>OREO LANE</t>
  </si>
  <si>
    <t>725434-54789-2012.gz</t>
  </si>
  <si>
    <t>8TH AV / INTAKE BL</t>
  </si>
  <si>
    <t>747188-23158-2012.gz</t>
  </si>
  <si>
    <t>13 days 00:00:00.000000000</t>
  </si>
  <si>
    <t>725283-00465-2014.gz</t>
  </si>
  <si>
    <t>722340-13865-2015.gz</t>
  </si>
  <si>
    <t>726673-99999-1992.gz</t>
  </si>
  <si>
    <t>LIBERTY</t>
  </si>
  <si>
    <t>BARE MT</t>
  </si>
  <si>
    <t>59 days 00:00:00.000000000</t>
  </si>
  <si>
    <t>702220-26501-2015.gz</t>
  </si>
  <si>
    <t>FY2002-HOUSTON-037</t>
  </si>
  <si>
    <t>722170-03813-2002.gz</t>
  </si>
  <si>
    <t>HUNSINGER</t>
  </si>
  <si>
    <t>725145-99999-2004.gz</t>
  </si>
  <si>
    <t>724459-99999-1995.gz</t>
  </si>
  <si>
    <t>725556-94975-2007.gz</t>
  </si>
  <si>
    <t>HARRISON ST / MIDDLETON S</t>
  </si>
  <si>
    <t>690150-93121-2010.gz</t>
  </si>
  <si>
    <t>COYOTE</t>
  </si>
  <si>
    <t>723895-23149-2010.gz</t>
  </si>
  <si>
    <t xml:space="preserve">SLU 1828                 </t>
  </si>
  <si>
    <t>722897-99999-1996.gz</t>
  </si>
  <si>
    <t>DRY CREEK</t>
  </si>
  <si>
    <t>LUCY BROOK</t>
  </si>
  <si>
    <t>726183-99999-2004.gz</t>
  </si>
  <si>
    <t>RUNNER</t>
  </si>
  <si>
    <t>726685-94052-2012.gz</t>
  </si>
  <si>
    <t>723429-99999-2005.gz</t>
  </si>
  <si>
    <t xml:space="preserve">O'CONNER WAY FIRE        </t>
  </si>
  <si>
    <t>722897-99999-2000.gz</t>
  </si>
  <si>
    <t>725180-14735-1995.gz</t>
  </si>
  <si>
    <t>KELLYS CREEK</t>
  </si>
  <si>
    <t xml:space="preserve">COUNTY OF TULARE #75     </t>
  </si>
  <si>
    <t>723896-99999-2004.gz</t>
  </si>
  <si>
    <t>723100-13883-2000.gz</t>
  </si>
  <si>
    <t xml:space="preserve">STATE #709               </t>
  </si>
  <si>
    <t>OTA 144</t>
  </si>
  <si>
    <t>722107-03056-2007.gz</t>
  </si>
  <si>
    <t xml:space="preserve">HAMILTON                 </t>
  </si>
  <si>
    <t>992290-99999-2002.gz</t>
  </si>
  <si>
    <t>FY2012-GRADY-023</t>
  </si>
  <si>
    <t>LEITCHFIEL</t>
  </si>
  <si>
    <t xml:space="preserve">DELAROSA                 </t>
  </si>
  <si>
    <t>BLADENBORO</t>
  </si>
  <si>
    <t>723435-53921-2012.gz</t>
  </si>
  <si>
    <t>722287-13871-1999.gz</t>
  </si>
  <si>
    <t>723235-13896-1992.gz</t>
  </si>
  <si>
    <t>WALTON CREEK</t>
  </si>
  <si>
    <t>723144-53890-2007.gz</t>
  </si>
  <si>
    <t>GOODMAN RD.</t>
  </si>
  <si>
    <t>VALDEZ FIRE</t>
  </si>
  <si>
    <t>722133-53946-2015.gz</t>
  </si>
  <si>
    <t>RIGHT FLAN</t>
  </si>
  <si>
    <t>723663-99999-2000.gz</t>
  </si>
  <si>
    <t>LIBBY</t>
  </si>
  <si>
    <t>722090-99999-2003.gz</t>
  </si>
  <si>
    <t>722017-12876-2007.gz</t>
  </si>
  <si>
    <t>725700-99999-1993.gz</t>
  </si>
  <si>
    <t>744104-14763-2015.gz</t>
  </si>
  <si>
    <t>A1302056</t>
  </si>
  <si>
    <t>725527-99999-2002.gz</t>
  </si>
  <si>
    <t>3RD KENNDEY</t>
  </si>
  <si>
    <t>720773-99999-2013.gz</t>
  </si>
  <si>
    <t>GRASS  3550</t>
  </si>
  <si>
    <t>722563-53952-2009.gz</t>
  </si>
  <si>
    <t>722470-03901-2006.gz</t>
  </si>
  <si>
    <t>722594-53909-2010.gz</t>
  </si>
  <si>
    <t>GREENBRIAR ESTATES  (55)</t>
  </si>
  <si>
    <t>722065-93837-2012.gz</t>
  </si>
  <si>
    <t>723100-13883-1996.gz</t>
  </si>
  <si>
    <t>724090-14780-1991.gz</t>
  </si>
  <si>
    <t>720172-53996-2010.gz</t>
  </si>
  <si>
    <t>722285-99999-2002.gz</t>
  </si>
  <si>
    <t>ROY</t>
  </si>
  <si>
    <t>SUMMIT SPRINGS COMPLEX</t>
  </si>
  <si>
    <t>MINE</t>
  </si>
  <si>
    <t>722284-99999-1996.gz</t>
  </si>
  <si>
    <t>BLUFF</t>
  </si>
  <si>
    <t>09-154</t>
  </si>
  <si>
    <t>HWY 77 W</t>
  </si>
  <si>
    <t>720311-53962-2014.gz</t>
  </si>
  <si>
    <t>723116-99999-2005.gz</t>
  </si>
  <si>
    <t>ALDRICH BRANCH #2</t>
  </si>
  <si>
    <t>720264-63827-2012.gz</t>
  </si>
  <si>
    <t>PARKER</t>
  </si>
  <si>
    <t>93 days 00:00:00.000000000</t>
  </si>
  <si>
    <t>726865-99999-2000.gz</t>
  </si>
  <si>
    <t>LOST SLOUG</t>
  </si>
  <si>
    <t>723194-53872-2006.gz</t>
  </si>
  <si>
    <t>720609-00201-2014.gz</t>
  </si>
  <si>
    <t>994260-99999-1998.gz</t>
  </si>
  <si>
    <t>FALKOR</t>
  </si>
  <si>
    <t>726904-24231-2014.gz</t>
  </si>
  <si>
    <t>BALMORHEA FIRE</t>
  </si>
  <si>
    <t>720151-03049-2013.gz</t>
  </si>
  <si>
    <t>R182</t>
  </si>
  <si>
    <t>727550-99999-1996.gz</t>
  </si>
  <si>
    <t>LEWIS</t>
  </si>
  <si>
    <t>690150-93121-1998.gz</t>
  </si>
  <si>
    <t>JONES LOOP 485</t>
  </si>
  <si>
    <t>723346-03811-2013.gz</t>
  </si>
  <si>
    <t>722429-99999-2004.gz</t>
  </si>
  <si>
    <t>722055-99999-2000.gz</t>
  </si>
  <si>
    <t>722255-93842-2006.gz</t>
  </si>
  <si>
    <t>726555-94938-2014.gz</t>
  </si>
  <si>
    <t>722108-99999-2005.gz</t>
  </si>
  <si>
    <t>723086-99999-1996.gz</t>
  </si>
  <si>
    <t>725763-94053-2010.gz</t>
  </si>
  <si>
    <t>RL305</t>
  </si>
  <si>
    <t xml:space="preserve">EL NOPAL                 </t>
  </si>
  <si>
    <t>WHITE HORS</t>
  </si>
  <si>
    <t>SCONA LODGE</t>
  </si>
  <si>
    <t>WHITWORTH RANCH</t>
  </si>
  <si>
    <t>722615-22001-2008.gz</t>
  </si>
  <si>
    <t>723146-53892-2009.gz</t>
  </si>
  <si>
    <t>723566-93950-1997.gz</t>
  </si>
  <si>
    <t>722062-99999-2004.gz</t>
  </si>
  <si>
    <t>722348-53808-2013.gz</t>
  </si>
  <si>
    <t>03/N. KIMBREL AVE-0116</t>
  </si>
  <si>
    <t>7/18 GRASS FIRE</t>
  </si>
  <si>
    <t>725457-04904-2007.gz</t>
  </si>
  <si>
    <t>723444-99999-1998.gz</t>
  </si>
  <si>
    <t>HASTINGS</t>
  </si>
  <si>
    <t>722890-93136-2008.gz</t>
  </si>
  <si>
    <t>DICK BRANCH</t>
  </si>
  <si>
    <t>PRUET CR 248</t>
  </si>
  <si>
    <t>FY2011-COFFEE-066</t>
  </si>
  <si>
    <t>722062-63842-2011.gz</t>
  </si>
  <si>
    <t>SUMMIT</t>
  </si>
  <si>
    <t>725905-23275-1999.gz</t>
  </si>
  <si>
    <t>723117-99999-2001.gz</t>
  </si>
  <si>
    <t>722290-03881-1993.gz</t>
  </si>
  <si>
    <t>724459-99999-2003.gz</t>
  </si>
  <si>
    <t>722312-03908-2010.gz</t>
  </si>
  <si>
    <t>NEWTON</t>
  </si>
  <si>
    <t>726504-99999-1997.gz</t>
  </si>
  <si>
    <t>SAND CREEK</t>
  </si>
  <si>
    <t>720734-00264-2012.gz</t>
  </si>
  <si>
    <t>722404-13941-1998.gz</t>
  </si>
  <si>
    <t>OLD AIRPORT 3</t>
  </si>
  <si>
    <t xml:space="preserve">BIG PINE                 </t>
  </si>
  <si>
    <t>724800-23157-1995.gz</t>
  </si>
  <si>
    <t>724116-99999-2002.gz</t>
  </si>
  <si>
    <t>FY2011-CLAY-025</t>
  </si>
  <si>
    <t>720257-63835-2011.gz</t>
  </si>
  <si>
    <t>R16</t>
  </si>
  <si>
    <t>TATEM HILL</t>
  </si>
  <si>
    <t>720261-53976-2009.gz</t>
  </si>
  <si>
    <t xml:space="preserve">FKU 9667                 </t>
  </si>
  <si>
    <t>722185-99999-1998.gz</t>
  </si>
  <si>
    <t>SHIPROCK01</t>
  </si>
  <si>
    <t>723658-99999-2000.gz</t>
  </si>
  <si>
    <t xml:space="preserve">COTTONWOOD               </t>
  </si>
  <si>
    <t>723965-93209-1993.gz</t>
  </si>
  <si>
    <t>BEN SPRINGS</t>
  </si>
  <si>
    <t>723654-93091-2006.gz</t>
  </si>
  <si>
    <t>722536-12911-2006.gz</t>
  </si>
  <si>
    <t>723020-13748-2006.gz</t>
  </si>
  <si>
    <t>747915-93718-1992.gz</t>
  </si>
  <si>
    <t>TRACKS</t>
  </si>
  <si>
    <t>723440-13964-2001.gz</t>
  </si>
  <si>
    <t>SLADE ROAD</t>
  </si>
  <si>
    <t>723174-93783-2013.gz</t>
  </si>
  <si>
    <t xml:space="preserve">WILLIAMS                 </t>
  </si>
  <si>
    <t>724973-99999-2005.gz</t>
  </si>
  <si>
    <t xml:space="preserve">CHABOT                   </t>
  </si>
  <si>
    <t>SHOCKEY</t>
  </si>
  <si>
    <t>722904-99999-2004.gz</t>
  </si>
  <si>
    <t>RRMP415</t>
  </si>
  <si>
    <t>726815-24106-1992.gz</t>
  </si>
  <si>
    <t>OLD MAN</t>
  </si>
  <si>
    <t>726384-99999-2003.gz</t>
  </si>
  <si>
    <t>JACKSON RD</t>
  </si>
  <si>
    <t>722589-03991-2012.gz</t>
  </si>
  <si>
    <t>LANKERSHIM AV  HIGHLAN 64</t>
  </si>
  <si>
    <t>722866-99999-2011.gz</t>
  </si>
  <si>
    <t>724354-99999-2002.gz</t>
  </si>
  <si>
    <t>749486-00397-2015.gz</t>
  </si>
  <si>
    <t>TP</t>
  </si>
  <si>
    <t>723346-03811-2007.gz</t>
  </si>
  <si>
    <t xml:space="preserve">9069KC                   </t>
  </si>
  <si>
    <t>723898-53119-2007.gz</t>
  </si>
  <si>
    <t>SABAL PALM (11)</t>
  </si>
  <si>
    <t>721041-99999-2014.gz</t>
  </si>
  <si>
    <t>BUCKNER CREEK RD</t>
  </si>
  <si>
    <t>726980-24229-1996.gz</t>
  </si>
  <si>
    <t>722265-13821-1995.gz</t>
  </si>
  <si>
    <t>723759-53990-2011.gz</t>
  </si>
  <si>
    <t>724105-99999-1995.gz</t>
  </si>
  <si>
    <t>SACK CREEK</t>
  </si>
  <si>
    <t>WAKEFIELD</t>
  </si>
  <si>
    <t>722977-93184-2013.gz</t>
  </si>
  <si>
    <t>KOELLING</t>
  </si>
  <si>
    <t>FY2002-WILCOX-051</t>
  </si>
  <si>
    <t>722268-93843-1995.gz</t>
  </si>
  <si>
    <t>722199-53956-2009.gz</t>
  </si>
  <si>
    <t>722359-13978-1995.gz</t>
  </si>
  <si>
    <t>722154-99999-2004.gz</t>
  </si>
  <si>
    <t xml:space="preserve">MIDWAY                   </t>
  </si>
  <si>
    <t>722860-23119-2007.gz</t>
  </si>
  <si>
    <t>722348-53808-2014.gz</t>
  </si>
  <si>
    <t>2000 FM 980 NORTH</t>
  </si>
  <si>
    <t>722447-53903-2011.gz</t>
  </si>
  <si>
    <t>722085-93831-2008.gz</t>
  </si>
  <si>
    <t xml:space="preserve">POOL                     </t>
  </si>
  <si>
    <t>724920-23237-2002.gz</t>
  </si>
  <si>
    <t>722404-13941-1997.gz</t>
  </si>
  <si>
    <t>722312-03908-2013.gz</t>
  </si>
  <si>
    <t>340 N. OLDENWAY</t>
  </si>
  <si>
    <t xml:space="preserve">P.G.&amp;E. #16.             </t>
  </si>
  <si>
    <t>JUNEAU'S</t>
  </si>
  <si>
    <t>KEE FIRE</t>
  </si>
  <si>
    <t>KEELING</t>
  </si>
  <si>
    <t>722747-93084-2013.gz</t>
  </si>
  <si>
    <t>722170-03813-2003.gz</t>
  </si>
  <si>
    <t>726518-94990-2008.gz</t>
  </si>
  <si>
    <t>722238-63873-2009.gz</t>
  </si>
  <si>
    <t>723448-99999-1996.gz</t>
  </si>
  <si>
    <t>HENDERSON - 7111</t>
  </si>
  <si>
    <t>720314-93983-2012.gz</t>
  </si>
  <si>
    <t>726184-99999-1995.gz</t>
  </si>
  <si>
    <t>MACHINE</t>
  </si>
  <si>
    <t>702615-26498-2015.gz</t>
  </si>
  <si>
    <t>BLUEJAY 97</t>
  </si>
  <si>
    <t>722747-99999-1997.gz</t>
  </si>
  <si>
    <t xml:space="preserve">ELECTRA                  </t>
  </si>
  <si>
    <t>FERRETTI</t>
  </si>
  <si>
    <t>CEDAR CREEK</t>
  </si>
  <si>
    <t>PANTHER</t>
  </si>
  <si>
    <t>720582-99999-2011.gz</t>
  </si>
  <si>
    <t>BECK</t>
  </si>
  <si>
    <t>722287-13871-2000.gz</t>
  </si>
  <si>
    <t>726577-99999-2004.gz</t>
  </si>
  <si>
    <t>JOHNSONVILLE SCHOOL ROAD 2</t>
  </si>
  <si>
    <t>746930-93737-2012.gz</t>
  </si>
  <si>
    <t>BACHELOR CREEK</t>
  </si>
  <si>
    <t>701046-26418-2011.gz</t>
  </si>
  <si>
    <t>994260-99999-2003.gz</t>
  </si>
  <si>
    <t>722265-13821-1999.gz</t>
  </si>
  <si>
    <t>722181-13837-2009.gz</t>
  </si>
  <si>
    <t>1749 HIGHWAY</t>
  </si>
  <si>
    <t>725145-54746-2006.gz</t>
  </si>
  <si>
    <t>PINE CREEK</t>
  </si>
  <si>
    <t>727830-24149-2010.gz</t>
  </si>
  <si>
    <t>722113-53979-2006.gz</t>
  </si>
  <si>
    <t>WAGON WHEEL</t>
  </si>
  <si>
    <t>FY2014-OCONEE-001</t>
  </si>
  <si>
    <t>SPLINTER</t>
  </si>
  <si>
    <t>726517-99999-2001.gz</t>
  </si>
  <si>
    <t>CHAUNTE</t>
  </si>
  <si>
    <t>722710-99999-2000.gz</t>
  </si>
  <si>
    <t>720320-53981-2008.gz</t>
  </si>
  <si>
    <t>FY2013-RICHMOND-011</t>
  </si>
  <si>
    <t>722181-13837-2012.gz</t>
  </si>
  <si>
    <t>722600-03969-2006.gz</t>
  </si>
  <si>
    <t>MS0    0909-4230130006</t>
  </si>
  <si>
    <t>722366-53865-2008.gz</t>
  </si>
  <si>
    <t>722484-53905-2007.gz</t>
  </si>
  <si>
    <t>FRIENDLY</t>
  </si>
  <si>
    <t>BALFOUR 2</t>
  </si>
  <si>
    <t>998478-99999-2014.gz</t>
  </si>
  <si>
    <t>722362-93937-2006.gz</t>
  </si>
  <si>
    <t>16 MILE CREEK RIGHT HAND FORK</t>
  </si>
  <si>
    <t>CRA13818841</t>
  </si>
  <si>
    <t>747910-99999-2000.gz</t>
  </si>
  <si>
    <t>722055-12861-2008.gz</t>
  </si>
  <si>
    <t>BLOOD CREEK</t>
  </si>
  <si>
    <t>723340-13893-2004.gz</t>
  </si>
  <si>
    <t>723105-93833-1992.gz</t>
  </si>
  <si>
    <t>723100-13883-1994.gz</t>
  </si>
  <si>
    <t>724058-99999-2001.gz</t>
  </si>
  <si>
    <t>FY2002-BULLOCH-125</t>
  </si>
  <si>
    <t>OR-MAF-2014-14410</t>
  </si>
  <si>
    <t>16406 ANACADE</t>
  </si>
  <si>
    <t>720291-53970-2009.gz</t>
  </si>
  <si>
    <t>NO 4</t>
  </si>
  <si>
    <t>COTTONWD#2</t>
  </si>
  <si>
    <t>JOHNNY</t>
  </si>
  <si>
    <t>28 days 00:00:00.000000000</t>
  </si>
  <si>
    <t>723657-99999-2000.gz</t>
  </si>
  <si>
    <t>723415-99999-2003.gz</t>
  </si>
  <si>
    <t>RL520</t>
  </si>
  <si>
    <t>992470-99999-1993.gz</t>
  </si>
  <si>
    <t>723143-99999-1995.gz</t>
  </si>
  <si>
    <t>FY2012-BLECKLEY-008</t>
  </si>
  <si>
    <t>722175-13860-2011.gz</t>
  </si>
  <si>
    <t>723124-99999-2003.gz</t>
  </si>
  <si>
    <t xml:space="preserve">MAPLE                    </t>
  </si>
  <si>
    <t>723898-53119-2008.gz</t>
  </si>
  <si>
    <t>ROLLER COASTER</t>
  </si>
  <si>
    <t>722187-93911-2008.gz</t>
  </si>
  <si>
    <t>E. SHARP</t>
  </si>
  <si>
    <t>725029-99999-1994.gz</t>
  </si>
  <si>
    <t>SIBSON</t>
  </si>
  <si>
    <t>726545-94950-2012.gz</t>
  </si>
  <si>
    <t>723400-03952-2007.gz</t>
  </si>
  <si>
    <t>720311-53962-2007.gz</t>
  </si>
  <si>
    <t>SALT CREEK</t>
  </si>
  <si>
    <t>725686-94057-2011.gz</t>
  </si>
  <si>
    <t>727555-94956-2009.gz</t>
  </si>
  <si>
    <t>BAYSHORE</t>
  </si>
  <si>
    <t>722867-23156-1994.gz</t>
  </si>
  <si>
    <t>FM2953</t>
  </si>
  <si>
    <t>720622-99999-2011.gz</t>
  </si>
  <si>
    <t>BACK HOE</t>
  </si>
  <si>
    <t>746935-99999-2002.gz</t>
  </si>
  <si>
    <t>725175-64706-2007.gz</t>
  </si>
  <si>
    <t>722317-13970-2009.gz</t>
  </si>
  <si>
    <t>723105-93833-1993.gz</t>
  </si>
  <si>
    <t>FY2001-MILLER-032</t>
  </si>
  <si>
    <t xml:space="preserve">FKU 7907                 </t>
  </si>
  <si>
    <t>TWIN PEAKS</t>
  </si>
  <si>
    <t>724795-99999-2006.gz</t>
  </si>
  <si>
    <t>744910-14703-2015.gz</t>
  </si>
  <si>
    <t>BRUSH FIRE</t>
  </si>
  <si>
    <t>722587-93955-2015.gz</t>
  </si>
  <si>
    <t>747910-13717-2002.gz</t>
  </si>
  <si>
    <t>723100-13883-1992.gz</t>
  </si>
  <si>
    <t>726525-94911-2007.gz</t>
  </si>
  <si>
    <t xml:space="preserve">ARNOLD                   </t>
  </si>
  <si>
    <t>720406-99999-2008.gz</t>
  </si>
  <si>
    <t>2519 CR 4303</t>
  </si>
  <si>
    <t>14-0069</t>
  </si>
  <si>
    <t>722112-53982-2014.gz</t>
  </si>
  <si>
    <t>TUBE</t>
  </si>
  <si>
    <t>FIXICO</t>
  </si>
  <si>
    <t>722173-99999-2005.gz</t>
  </si>
  <si>
    <t xml:space="preserve">RAMONA                   </t>
  </si>
  <si>
    <t>GRASS/WOODS FIRE</t>
  </si>
  <si>
    <t>MT. MISERY</t>
  </si>
  <si>
    <t>723020-13748-2011.gz</t>
  </si>
  <si>
    <t>INC 194</t>
  </si>
  <si>
    <t>726920-24230-2010.gz</t>
  </si>
  <si>
    <t>R.R. 1623 NORTH</t>
  </si>
  <si>
    <t>720323-93947-2010.gz</t>
  </si>
  <si>
    <t>COORS FIRE</t>
  </si>
  <si>
    <t>723647-03034-2006.gz</t>
  </si>
  <si>
    <t>724100-13733-1999.gz</t>
  </si>
  <si>
    <t>GAP</t>
  </si>
  <si>
    <t>724420-13997-2007.gz</t>
  </si>
  <si>
    <t>722123-12809-2005.gz</t>
  </si>
  <si>
    <t>722170-03813-1994.gz</t>
  </si>
  <si>
    <t>723630-23047-2006.gz</t>
  </si>
  <si>
    <t>ROCKY BRANCH</t>
  </si>
  <si>
    <t>A06773</t>
  </si>
  <si>
    <t>(SL) DEL MUNDO (301)</t>
  </si>
  <si>
    <t>RODGERS CREEK</t>
  </si>
  <si>
    <t>727750-24143-2009.gz</t>
  </si>
  <si>
    <t>DAILY WALDROP FIRE</t>
  </si>
  <si>
    <t>723066-99999-2004.gz</t>
  </si>
  <si>
    <t>BURNT PARK</t>
  </si>
  <si>
    <t>723658-99999-2003.gz</t>
  </si>
  <si>
    <t>PRAIRIE</t>
  </si>
  <si>
    <t>722748-99999-1993.gz</t>
  </si>
  <si>
    <t>727873-99999-1994.gz</t>
  </si>
  <si>
    <t>COUNTRY CLUB</t>
  </si>
  <si>
    <t>724462-03073-2013.gz</t>
  </si>
  <si>
    <t>MS0    1010-4300415003</t>
  </si>
  <si>
    <t>747688-53858-2010.gz</t>
  </si>
  <si>
    <t>746939-93785-2008.gz</t>
  </si>
  <si>
    <t>FY2002-WARE-069</t>
  </si>
  <si>
    <t>BROCKTON</t>
  </si>
  <si>
    <t>727686-99999-1992.gz</t>
  </si>
  <si>
    <t>C12-13592</t>
  </si>
  <si>
    <t>722469-53912-2012.gz</t>
  </si>
  <si>
    <t>720302-53963-2008.gz</t>
  </si>
  <si>
    <t>HOMELESS</t>
  </si>
  <si>
    <t>WEST SH 240</t>
  </si>
  <si>
    <t>723510-13966-2012.gz</t>
  </si>
  <si>
    <t>720779-00461-2014.gz</t>
  </si>
  <si>
    <t>SCISSORS</t>
  </si>
  <si>
    <t>LITTLEBLAC</t>
  </si>
  <si>
    <t>127 days 00:00:00.000000000</t>
  </si>
  <si>
    <t>722287-13871-1994.gz</t>
  </si>
  <si>
    <t>722284-99999-2000.gz</t>
  </si>
  <si>
    <t>722563-53952-2006.gz</t>
  </si>
  <si>
    <t>726660-24029-1994.gz</t>
  </si>
  <si>
    <t>CLARE 12</t>
  </si>
  <si>
    <t>725424-04885-2013.gz</t>
  </si>
  <si>
    <t>FY2013-MACON-014</t>
  </si>
  <si>
    <t>691164-99999-1999.gz</t>
  </si>
  <si>
    <t>IRONWOOD DR. FIRE</t>
  </si>
  <si>
    <t>746936-03712-2015.gz</t>
  </si>
  <si>
    <t>BLACKHAWK</t>
  </si>
  <si>
    <t>OLD LOCUST CREEK RD</t>
  </si>
  <si>
    <t>722340-13865-2000.gz</t>
  </si>
  <si>
    <t>STATION TRAIL (51)</t>
  </si>
  <si>
    <t>WHISKEY SP</t>
  </si>
  <si>
    <t>726875-99999-2003.gz</t>
  </si>
  <si>
    <t>TH1814</t>
  </si>
  <si>
    <t>727575-94925-1995.gz</t>
  </si>
  <si>
    <t>FIVE POINT</t>
  </si>
  <si>
    <t>725830-24128-1997.gz</t>
  </si>
  <si>
    <t>TIRE</t>
  </si>
  <si>
    <t>MS0    1010-4230223001</t>
  </si>
  <si>
    <t>998219-99999-2010.gz</t>
  </si>
  <si>
    <t>CLARKS PK</t>
  </si>
  <si>
    <t>CR 1615 @ CR 1642</t>
  </si>
  <si>
    <t>720579-99999-2013.gz</t>
  </si>
  <si>
    <t>NEW</t>
  </si>
  <si>
    <t>MS0    0808-3640321009</t>
  </si>
  <si>
    <t>722354-13927-2008.gz</t>
  </si>
  <si>
    <t>HORN</t>
  </si>
  <si>
    <t>726517-99999-2000.gz</t>
  </si>
  <si>
    <t>744994-04741-1993.gz</t>
  </si>
  <si>
    <t>722587-99999-2000.gz</t>
  </si>
  <si>
    <t>HOLY</t>
  </si>
  <si>
    <t>722747-99999-2004.gz</t>
  </si>
  <si>
    <t>722820-03949-2007.gz</t>
  </si>
  <si>
    <t>722485-13944-2007.gz</t>
  </si>
  <si>
    <t>722447-99999-2002.gz</t>
  </si>
  <si>
    <t xml:space="preserve">BRUSH #2                 </t>
  </si>
  <si>
    <t>723895-99999-1995.gz</t>
  </si>
  <si>
    <t>S SOUTH BAY BLVD / TURRI</t>
  </si>
  <si>
    <t>ANITAPASTU</t>
  </si>
  <si>
    <t>MILL DAM 2</t>
  </si>
  <si>
    <t>722055-99999-1998.gz</t>
  </si>
  <si>
    <t>726517-94039-2010.gz</t>
  </si>
  <si>
    <t>FIRST BOX</t>
  </si>
  <si>
    <t>724625-99999-2003.gz</t>
  </si>
  <si>
    <t>KEENEY</t>
  </si>
  <si>
    <t>726837-24162-1998.gz</t>
  </si>
  <si>
    <t>LAKE MOUNT</t>
  </si>
  <si>
    <t>726710-99999-1996.gz</t>
  </si>
  <si>
    <t>722212-92814-2007.gz</t>
  </si>
  <si>
    <t>DE</t>
  </si>
  <si>
    <t>724093-99999-2004.gz</t>
  </si>
  <si>
    <t>727505-99999-2001.gz</t>
  </si>
  <si>
    <t>722348-99999-1997.gz</t>
  </si>
  <si>
    <t>PROVIDENCE ROAD</t>
  </si>
  <si>
    <t>723194-99999-2003.gz</t>
  </si>
  <si>
    <t xml:space="preserve">HOLLAND                  </t>
  </si>
  <si>
    <t>LOOKOUT</t>
  </si>
  <si>
    <t>724604-93076-2010.gz</t>
  </si>
  <si>
    <t>MTN</t>
  </si>
  <si>
    <t>723165-99999-2002.gz</t>
  </si>
  <si>
    <t>722320-12884-2000.gz</t>
  </si>
  <si>
    <t>DUMP 2</t>
  </si>
  <si>
    <t>727873-99999-1992.gz</t>
  </si>
  <si>
    <t xml:space="preserve">PEACH 7                  </t>
  </si>
  <si>
    <t xml:space="preserve">CLAY                     </t>
  </si>
  <si>
    <t>724833-99999-2002.gz</t>
  </si>
  <si>
    <t>FY2000-HALL-023</t>
  </si>
  <si>
    <t>722185-99999-2000.gz</t>
  </si>
  <si>
    <t>FY2013-BALDWIN-008</t>
  </si>
  <si>
    <t>720348-63886-2012.gz</t>
  </si>
  <si>
    <t>742300-24037-2005.gz</t>
  </si>
  <si>
    <t>722320-12884-2006.gz</t>
  </si>
  <si>
    <t>723489-03935-1993.gz</t>
  </si>
  <si>
    <t>PIPKIN HILL</t>
  </si>
  <si>
    <t>724505-03923-2014.gz</t>
  </si>
  <si>
    <t>723200-93801-1996.gz</t>
  </si>
  <si>
    <t>747750-13846-1995.gz</t>
  </si>
  <si>
    <t>722340-13865-1993.gz</t>
  </si>
  <si>
    <t>LANCASTER</t>
  </si>
  <si>
    <t>NEW COLONY DR</t>
  </si>
  <si>
    <t>723626-03737-2011.gz</t>
  </si>
  <si>
    <t>FORT GATES 13</t>
  </si>
  <si>
    <t>744994-04741-1992.gz</t>
  </si>
  <si>
    <t>FORNET</t>
  </si>
  <si>
    <t>722867-23156-1996.gz</t>
  </si>
  <si>
    <t>ASST WINNSBORO</t>
  </si>
  <si>
    <t>722448-99999-1995.gz</t>
  </si>
  <si>
    <t xml:space="preserve">SCHOOL                   </t>
  </si>
  <si>
    <t>723406-99999-2004.gz</t>
  </si>
  <si>
    <t>722359-13978-1999.gz</t>
  </si>
  <si>
    <t>COLD SPRINGS RANCH #470</t>
  </si>
  <si>
    <t>726920-24230-2015.gz</t>
  </si>
  <si>
    <t>A00024</t>
  </si>
  <si>
    <t>PASSN ZONE</t>
  </si>
  <si>
    <t>RL523</t>
  </si>
  <si>
    <t>100 HOHMANN ROAD</t>
  </si>
  <si>
    <t>ELK RUN</t>
  </si>
  <si>
    <t>723079-99999-2004.gz</t>
  </si>
  <si>
    <t>HOLLOWWOOD</t>
  </si>
  <si>
    <t>726437-99999-2003.gz</t>
  </si>
  <si>
    <t>CRAIG</t>
  </si>
  <si>
    <t>722359-13978-1993.gz</t>
  </si>
  <si>
    <t>724453-99999-2003.gz</t>
  </si>
  <si>
    <t>DANS RUN</t>
  </si>
  <si>
    <t>COLVILLE</t>
  </si>
  <si>
    <t>727584-99999-2000.gz</t>
  </si>
  <si>
    <t>EXCHANGE RD. 1</t>
  </si>
  <si>
    <t>723629-53998-2007.gz</t>
  </si>
  <si>
    <t>ROBIN CREEK 2</t>
  </si>
  <si>
    <t>727790-24146-1995.gz</t>
  </si>
  <si>
    <t>725958-94299-2006.gz</t>
  </si>
  <si>
    <t>THREADGILL</t>
  </si>
  <si>
    <t>785140-11603-2011.gz</t>
  </si>
  <si>
    <t>MS0    0808-4300302004</t>
  </si>
  <si>
    <t>747686-13820-2008.gz</t>
  </si>
  <si>
    <t>SLIDE CREEK</t>
  </si>
  <si>
    <t>50 days 00:00:00.000000000</t>
  </si>
  <si>
    <t>725784-04109-2006.gz</t>
  </si>
  <si>
    <t>F.D.-2</t>
  </si>
  <si>
    <t>723525-93986-2011.gz</t>
  </si>
  <si>
    <t>722487-13935-2008.gz</t>
  </si>
  <si>
    <t>ARRINGTON BRANCH</t>
  </si>
  <si>
    <t>723150-03812-2002.gz</t>
  </si>
  <si>
    <t>BREWSTER</t>
  </si>
  <si>
    <t>726660-24029-1996.gz</t>
  </si>
  <si>
    <t>723109-93782-2007.gz</t>
  </si>
  <si>
    <t>HONOR</t>
  </si>
  <si>
    <t>726517-99999-2002.gz</t>
  </si>
  <si>
    <t>722322-99999-2008.gz</t>
  </si>
  <si>
    <t>TRUMP ISLAND</t>
  </si>
  <si>
    <t>994015-99999-2013.gz</t>
  </si>
  <si>
    <t>13-0158</t>
  </si>
  <si>
    <t>WILLOUGHBY WOODS</t>
  </si>
  <si>
    <t>723150-03812-2000.gz</t>
  </si>
  <si>
    <t>GILBERT'S FIRE</t>
  </si>
  <si>
    <t>747460-03904-2007.gz</t>
  </si>
  <si>
    <t>FM 2127</t>
  </si>
  <si>
    <t>724455-99999-2002.gz</t>
  </si>
  <si>
    <t>HWY 176 AND 2599</t>
  </si>
  <si>
    <t>720271-03044-2014.gz</t>
  </si>
  <si>
    <t>726549-99999-1997.gz</t>
  </si>
  <si>
    <t>RHODES</t>
  </si>
  <si>
    <t xml:space="preserve">WHITNEY IC 2             </t>
  </si>
  <si>
    <t>723896-93144-2006.gz</t>
  </si>
  <si>
    <t>722014-12818-2007.gz</t>
  </si>
  <si>
    <t>722869-99999-1995.gz</t>
  </si>
  <si>
    <t>IRISH RUN #1</t>
  </si>
  <si>
    <t>URBAN RD</t>
  </si>
  <si>
    <t>722563-53952-2015.gz</t>
  </si>
  <si>
    <t>FY2000-WASHINGTON-071</t>
  </si>
  <si>
    <t>DENTON</t>
  </si>
  <si>
    <t>WOODS FIRE/HWY 7 WEST</t>
  </si>
  <si>
    <t>722499-53948-2011.gz</t>
  </si>
  <si>
    <t>723265-03847-2005.gz</t>
  </si>
  <si>
    <t>Q2</t>
  </si>
  <si>
    <t>722218-00356-2014.gz</t>
  </si>
  <si>
    <t>747750-13846-2005.gz</t>
  </si>
  <si>
    <t>FY2015-GWINNETT-002</t>
  </si>
  <si>
    <t>747808-63803-2015.gz</t>
  </si>
  <si>
    <t>FIRST</t>
  </si>
  <si>
    <t>720278-03704-2012.gz</t>
  </si>
  <si>
    <t>BIGG RD.</t>
  </si>
  <si>
    <t>CEDAR SOUTH</t>
  </si>
  <si>
    <t>726816-04110-2007.gz</t>
  </si>
  <si>
    <t>FY2002-UPSON-043</t>
  </si>
  <si>
    <t>725621-94063-2011.gz</t>
  </si>
  <si>
    <t>OIL WELL 9 14 11</t>
  </si>
  <si>
    <t>723124-53874-2006.gz</t>
  </si>
  <si>
    <t>FY2002-SUMTER-037</t>
  </si>
  <si>
    <t>722250-99999-2002.gz</t>
  </si>
  <si>
    <t>GRASS FIRE CR 765</t>
  </si>
  <si>
    <t>C-138 SET2 (57)</t>
  </si>
  <si>
    <t>ROCKY</t>
  </si>
  <si>
    <t>GARRISON RIDGE</t>
  </si>
  <si>
    <t>720616-00207-2010.gz</t>
  </si>
  <si>
    <t>MILL RD. FIRE</t>
  </si>
  <si>
    <t>723143-99999-1998.gz</t>
  </si>
  <si>
    <t>CUBE</t>
  </si>
  <si>
    <t>724836-23208-2011.gz</t>
  </si>
  <si>
    <t>747910-13717-1999.gz</t>
  </si>
  <si>
    <t>13-0001516 WOODLAND PINE FIRE</t>
  </si>
  <si>
    <t>747460-03904-2013.gz</t>
  </si>
  <si>
    <t>GRAPHITE</t>
  </si>
  <si>
    <t>720296-53945-2015.gz</t>
  </si>
  <si>
    <t>ZION RIDGE</t>
  </si>
  <si>
    <t>HALE MTN RD</t>
  </si>
  <si>
    <t>FIRE TOWER</t>
  </si>
  <si>
    <t>724354-63815-2013.gz</t>
  </si>
  <si>
    <t>CR 313 GRASS</t>
  </si>
  <si>
    <t>722600-03969-2009.gz</t>
  </si>
  <si>
    <t>15-0207</t>
  </si>
  <si>
    <t>722026-12826-2009.gz</t>
  </si>
  <si>
    <t>SOUTH PINE</t>
  </si>
  <si>
    <t>MAHOGANYMT</t>
  </si>
  <si>
    <t>725958-99999-2001.gz</t>
  </si>
  <si>
    <t>WEST SPRING CREEK</t>
  </si>
  <si>
    <t>726884-24148-1995.gz</t>
  </si>
  <si>
    <t>FY2014-TWIGGS-025</t>
  </si>
  <si>
    <t>722175-13860-2014.gz</t>
  </si>
  <si>
    <t>722230-13894-2010.gz</t>
  </si>
  <si>
    <t>722784-99999-1995.gz</t>
  </si>
  <si>
    <t>BLACK</t>
  </si>
  <si>
    <t>724105-99999-2001.gz</t>
  </si>
  <si>
    <t>DEADMAN</t>
  </si>
  <si>
    <t>722683-93083-2012.gz</t>
  </si>
  <si>
    <t>722348-53808-2015.gz</t>
  </si>
  <si>
    <t xml:space="preserve">DAKOTA                   </t>
  </si>
  <si>
    <t>723307-99999-1992.gz</t>
  </si>
  <si>
    <t>723429-53920-2007.gz</t>
  </si>
  <si>
    <t>SLOANS RIDGE</t>
  </si>
  <si>
    <t>726884-24148-1996.gz</t>
  </si>
  <si>
    <t>KILPATRICK</t>
  </si>
  <si>
    <t>726865-24196-2006.gz</t>
  </si>
  <si>
    <t>726444-99999-2001.gz</t>
  </si>
  <si>
    <t>722340-13865-1994.gz</t>
  </si>
  <si>
    <t>725541-04993-2006.gz</t>
  </si>
  <si>
    <t>722487-13935-2005.gz</t>
  </si>
  <si>
    <t>HIGHWAY 67</t>
  </si>
  <si>
    <t>720311-53962-2010.gz</t>
  </si>
  <si>
    <t>745700-99999-2002.gz</t>
  </si>
  <si>
    <t>BROOKSIDE AV / BEAUMONT A</t>
  </si>
  <si>
    <t>722860-23119-2009.gz</t>
  </si>
  <si>
    <t>724016-93736-2006.gz</t>
  </si>
  <si>
    <t>FY2013-WEBSTER-014</t>
  </si>
  <si>
    <t>720948-00328-2013.gz</t>
  </si>
  <si>
    <t xml:space="preserve">ROLLINS                  </t>
  </si>
  <si>
    <t>725845-23225-2004.gz</t>
  </si>
  <si>
    <t>747750-13846-1998.gz</t>
  </si>
  <si>
    <t>722563-99999-2005.gz</t>
  </si>
  <si>
    <t>744989-14747-2006.gz</t>
  </si>
  <si>
    <t>RED BUG ROAD</t>
  </si>
  <si>
    <t>720296-53945-2013.gz</t>
  </si>
  <si>
    <t>724459-99999-1998.gz</t>
  </si>
  <si>
    <t>DRYWELL</t>
  </si>
  <si>
    <t>722786-23104-1995.gz</t>
  </si>
  <si>
    <t>FY2000-MERIWETHER-041</t>
  </si>
  <si>
    <t>GRASS 2013-4</t>
  </si>
  <si>
    <t>64QBCPER00</t>
  </si>
  <si>
    <t>724695-99999-2000.gz</t>
  </si>
  <si>
    <t>727790-24146-1994.gz</t>
  </si>
  <si>
    <t>TEN HORSE</t>
  </si>
  <si>
    <t>726809-99999-1999.gz</t>
  </si>
  <si>
    <t>CONNECTOR FIRE</t>
  </si>
  <si>
    <t>726435-14991-2015.gz</t>
  </si>
  <si>
    <t>722576-03902-2005.gz</t>
  </si>
  <si>
    <t>723347-99999-2000.gz</t>
  </si>
  <si>
    <t>DEAN MYERS FARM</t>
  </si>
  <si>
    <t>720318-53965-2014.gz</t>
  </si>
  <si>
    <t>CHOCTAW #6</t>
  </si>
  <si>
    <t>WHAKATNA C</t>
  </si>
  <si>
    <t>702220-99999-1997.gz</t>
  </si>
  <si>
    <t>OXBOW</t>
  </si>
  <si>
    <t>722470-03901-2000.gz</t>
  </si>
  <si>
    <t>A1305034</t>
  </si>
  <si>
    <t>725468-99999-2005.gz</t>
  </si>
  <si>
    <t>722676-03035-2013.gz</t>
  </si>
  <si>
    <t>725955-24259-1992.gz</t>
  </si>
  <si>
    <t>WATUSI</t>
  </si>
  <si>
    <t>724674-99999-2001.gz</t>
  </si>
  <si>
    <t>722485-13944-2004.gz</t>
  </si>
  <si>
    <t>MS0    1010-3621024001</t>
  </si>
  <si>
    <t>725086-54734-2009.gz</t>
  </si>
  <si>
    <t>A1303062</t>
  </si>
  <si>
    <t>725570-14943-2003.gz</t>
  </si>
  <si>
    <t>720404-99999-2008.gz</t>
  </si>
  <si>
    <t>LAKESIDE DR/ GLADE SPRINGS</t>
  </si>
  <si>
    <t>724125-03859-2012.gz</t>
  </si>
  <si>
    <t>TH1710</t>
  </si>
  <si>
    <t>727575-99999-2004.gz</t>
  </si>
  <si>
    <t>723240-13882-2002.gz</t>
  </si>
  <si>
    <t>INDIAN</t>
  </si>
  <si>
    <t xml:space="preserve">FIVE                     </t>
  </si>
  <si>
    <t>724815-23257-2008.gz</t>
  </si>
  <si>
    <t>ISAACS RACH RECALL TREES</t>
  </si>
  <si>
    <t>722637-93046-2009.gz</t>
  </si>
  <si>
    <t>722600-03969-2005.gz</t>
  </si>
  <si>
    <t>BOWLEGS1</t>
  </si>
  <si>
    <t>FY2011-JACKSON-016</t>
  </si>
  <si>
    <t>749483-00394-2011.gz</t>
  </si>
  <si>
    <t>722250-13829-2008.gz</t>
  </si>
  <si>
    <t xml:space="preserve">TABLE#3                  </t>
  </si>
  <si>
    <t>FORD</t>
  </si>
  <si>
    <t>HIDDEN LAKE ROAD</t>
  </si>
  <si>
    <t>747688-53858-2012.gz</t>
  </si>
  <si>
    <t>TIJUANA JOHN</t>
  </si>
  <si>
    <t>725866-94178-2011.gz</t>
  </si>
  <si>
    <t>BUCKHORN 8</t>
  </si>
  <si>
    <t>724973-93203-2009.gz</t>
  </si>
  <si>
    <t>BARONA</t>
  </si>
  <si>
    <t>722907-99999-1997.gz</t>
  </si>
  <si>
    <t>725145-54746-2009.gz</t>
  </si>
  <si>
    <t>GUERRA GARZA RD.</t>
  </si>
  <si>
    <t>720584-00181-2015.gz</t>
  </si>
  <si>
    <t>722486-13942-2002.gz</t>
  </si>
  <si>
    <t>722024-12882-2006.gz</t>
  </si>
  <si>
    <t>SOTERRA-3</t>
  </si>
  <si>
    <t>722285-03896-2007.gz</t>
  </si>
  <si>
    <t>FY2011-JOHNSON-065</t>
  </si>
  <si>
    <t>722217-63881-2011.gz</t>
  </si>
  <si>
    <t>BEAR 2</t>
  </si>
  <si>
    <t>722730-03124-2008.gz</t>
  </si>
  <si>
    <t>THOMAS CREEK PRESERVE (16)</t>
  </si>
  <si>
    <t>727456-99999-1999.gz</t>
  </si>
  <si>
    <t>720608-00200-2013.gz</t>
  </si>
  <si>
    <t>MS0    0909-2040219001</t>
  </si>
  <si>
    <t>747580-13978-2009.gz</t>
  </si>
  <si>
    <t>STEVENS FIRE</t>
  </si>
  <si>
    <t>TOWNE PARK (53)</t>
  </si>
  <si>
    <t>722119-12883-2013.gz</t>
  </si>
  <si>
    <t>AIRPORT FIRE</t>
  </si>
  <si>
    <t>723193-99999-2002.gz</t>
  </si>
  <si>
    <t>722487-13935-2009.gz</t>
  </si>
  <si>
    <t>BIRTHDAY</t>
  </si>
  <si>
    <t>726539-94056-2012.gz</t>
  </si>
  <si>
    <t>722429-99999-1993.gz</t>
  </si>
  <si>
    <t>720602-00194-2015.gz</t>
  </si>
  <si>
    <t>PENTZ RD / LAGO VISTA W 2</t>
  </si>
  <si>
    <t>HWY 365 #1</t>
  </si>
  <si>
    <t>GIBBONS RANCH FIRE</t>
  </si>
  <si>
    <t>722164-53949-2012.gz</t>
  </si>
  <si>
    <t>724347-53904-2007.gz</t>
  </si>
  <si>
    <t>FY2014-FANNIN-015</t>
  </si>
  <si>
    <t>725920-24257-2002.gz</t>
  </si>
  <si>
    <t>723443-99999-2000.gz</t>
  </si>
  <si>
    <t>FY2015-BARROW-010</t>
  </si>
  <si>
    <t>747809-03832-2015.gz</t>
  </si>
  <si>
    <t>GROUSE</t>
  </si>
  <si>
    <t>722720-93063-2010.gz</t>
  </si>
  <si>
    <t>2 STUCK TRUCKS</t>
  </si>
  <si>
    <t>723144-99999-1999.gz</t>
  </si>
  <si>
    <t>722300-99999-1999.gz</t>
  </si>
  <si>
    <t>722051-53932-2014.gz</t>
  </si>
  <si>
    <t>FY2011-COFFEE-095</t>
  </si>
  <si>
    <t>LON LYONS FIRE</t>
  </si>
  <si>
    <t>KIDS BURNING STRAW</t>
  </si>
  <si>
    <t>725145-99999-1994.gz</t>
  </si>
  <si>
    <t>COUNTY HWY 117</t>
  </si>
  <si>
    <t>711680-99999-2012.gz</t>
  </si>
  <si>
    <t xml:space="preserve">TEMESCAL 6               </t>
  </si>
  <si>
    <t>720333-99999-2008.gz</t>
  </si>
  <si>
    <t>722183-04972-2006.gz</t>
  </si>
  <si>
    <t>722286-93806-2006.gz</t>
  </si>
  <si>
    <t xml:space="preserve">COUSER                   </t>
  </si>
  <si>
    <t>722926-03154-2008.gz</t>
  </si>
  <si>
    <t>PARKWOOD FIRE</t>
  </si>
  <si>
    <t>747930-99999-2003.gz</t>
  </si>
  <si>
    <t>FRIED MEAT RIDGE</t>
  </si>
  <si>
    <t>725180-14735-2005.gz</t>
  </si>
  <si>
    <t>723894-99999-1994.gz</t>
  </si>
  <si>
    <t>722284-99999-2002.gz</t>
  </si>
  <si>
    <t>ROOT COMMAND</t>
  </si>
  <si>
    <t>722123-12809-2009.gz</t>
  </si>
  <si>
    <t>TRACT 84</t>
  </si>
  <si>
    <t>726667-99999-2004.gz</t>
  </si>
  <si>
    <t>726578-99999-2004.gz</t>
  </si>
  <si>
    <t>BUCKHOLZ</t>
  </si>
  <si>
    <t>722029-99999-2004.gz</t>
  </si>
  <si>
    <t>30 days 00:00:00.000000000</t>
  </si>
  <si>
    <t>726920-24230-2007.gz</t>
  </si>
  <si>
    <t>HIGHWAY E FIRE</t>
  </si>
  <si>
    <t>724453-99999-2004.gz</t>
  </si>
  <si>
    <t>GATE CREEK FIRE</t>
  </si>
  <si>
    <t>COLONY #5</t>
  </si>
  <si>
    <t>BRONCO</t>
  </si>
  <si>
    <t>747186-99999-1997.gz</t>
  </si>
  <si>
    <t>SEWER SMOKE</t>
  </si>
  <si>
    <t>JACKS BRANCH RD</t>
  </si>
  <si>
    <t>723250-03847-2007.gz</t>
  </si>
  <si>
    <t>727477-99999-1999.gz</t>
  </si>
  <si>
    <t>WOOD PILE</t>
  </si>
  <si>
    <t>720276-12983-2008.gz</t>
  </si>
  <si>
    <t>747807-99999-2003.gz</t>
  </si>
  <si>
    <t>MANNSCHRIE</t>
  </si>
  <si>
    <t>723525-93986-1998.gz</t>
  </si>
  <si>
    <t>S.BOKCHIT2</t>
  </si>
  <si>
    <t>723415-99999-2002.gz</t>
  </si>
  <si>
    <t>299 CR 3112</t>
  </si>
  <si>
    <t>720298-53971-2012.gz</t>
  </si>
  <si>
    <t>LAKES</t>
  </si>
  <si>
    <t>723783-03195-2014.gz</t>
  </si>
  <si>
    <t>M TENT</t>
  </si>
  <si>
    <t>726560-99999-1994.gz</t>
  </si>
  <si>
    <t>RAILROAD</t>
  </si>
  <si>
    <t>MARYSVILLE</t>
  </si>
  <si>
    <t>724837-93216-2012.gz</t>
  </si>
  <si>
    <t>FY2012-CRISP-027</t>
  </si>
  <si>
    <t>CASTLE RCK</t>
  </si>
  <si>
    <t>722280-13876-2001.gz</t>
  </si>
  <si>
    <t>722269-03850-1996.gz</t>
  </si>
  <si>
    <t>FY2015-LOWNDES-003</t>
  </si>
  <si>
    <t>747810-13857-2014.gz</t>
  </si>
  <si>
    <t>725180-14735-2003.gz</t>
  </si>
  <si>
    <t>WOODS FIRE</t>
  </si>
  <si>
    <t>722042-53978-2011.gz</t>
  </si>
  <si>
    <t>PERKINS</t>
  </si>
  <si>
    <t>725985-24267-2004.gz</t>
  </si>
  <si>
    <t>723418-13977-2000.gz</t>
  </si>
  <si>
    <t>PEABODY</t>
  </si>
  <si>
    <t>724767-99999-1995.gz</t>
  </si>
  <si>
    <t>NUNAVAKPAK</t>
  </si>
  <si>
    <t>GABES</t>
  </si>
  <si>
    <t>WILDCAT TRAIL</t>
  </si>
  <si>
    <t>723250-03847-2010.gz</t>
  </si>
  <si>
    <t>BIGLOW RD</t>
  </si>
  <si>
    <t>720656-99999-2012.gz</t>
  </si>
  <si>
    <t>FY2013-BROOKS-027</t>
  </si>
  <si>
    <t>722166-93845-2013.gz</t>
  </si>
  <si>
    <t>GRAY</t>
  </si>
  <si>
    <t>724838-99999-2001.gz</t>
  </si>
  <si>
    <t xml:space="preserve">MIDWAY   DRHM            </t>
  </si>
  <si>
    <t>723115-99999-2001.gz</t>
  </si>
  <si>
    <t>722926-03154-1994.gz</t>
  </si>
  <si>
    <t>LINKLAW EST.</t>
  </si>
  <si>
    <t>723108-13776-1998.gz</t>
  </si>
  <si>
    <t>CRIMSON LA</t>
  </si>
  <si>
    <t>727640-24011-1992.gz</t>
  </si>
  <si>
    <t>RL372</t>
  </si>
  <si>
    <t>TURKEY CREEK II</t>
  </si>
  <si>
    <t>722547-53942-2006.gz</t>
  </si>
  <si>
    <t>BRUIN</t>
  </si>
  <si>
    <t>CLEAR FORK</t>
  </si>
  <si>
    <t>724125-03859-2000.gz</t>
  </si>
  <si>
    <t>722287-13871-1997.gz</t>
  </si>
  <si>
    <t>723403-13963-2011.gz</t>
  </si>
  <si>
    <t>ALTHOUSE</t>
  </si>
  <si>
    <t>725975-24235-2002.gz</t>
  </si>
  <si>
    <t>FY2001-JENKINS-041</t>
  </si>
  <si>
    <t>994230-99999-1999.gz</t>
  </si>
  <si>
    <t>FORBES TRAIL (58)</t>
  </si>
  <si>
    <t>722118-00482-2014.gz</t>
  </si>
  <si>
    <t>722247-54785-2010.gz</t>
  </si>
  <si>
    <t>11-0000247</t>
  </si>
  <si>
    <t>726064-99999-2003.gz</t>
  </si>
  <si>
    <t>HUNGRY</t>
  </si>
  <si>
    <t>724846-53123-2006.gz</t>
  </si>
  <si>
    <t>911700-99999-2002.gz</t>
  </si>
  <si>
    <t>723200-93801-1995.gz</t>
  </si>
  <si>
    <t>725165-99999-1999.gz</t>
  </si>
  <si>
    <t>FY2012-BUTTS-007</t>
  </si>
  <si>
    <t>722448-13972-1992.gz</t>
  </si>
  <si>
    <t>HUDSON HIGHWAY</t>
  </si>
  <si>
    <t>724517-13940-2012.gz</t>
  </si>
  <si>
    <t>CHAIN ELECTRIC</t>
  </si>
  <si>
    <t>722469-53912-2011.gz</t>
  </si>
  <si>
    <t>725086-54734-2006.gz</t>
  </si>
  <si>
    <t>725196-14717-1997.gz</t>
  </si>
  <si>
    <t>724920-23237-2013.gz</t>
  </si>
  <si>
    <t>722535-12909-2007.gz</t>
  </si>
  <si>
    <t>THOMAS</t>
  </si>
  <si>
    <t>725958-94299-2013.gz</t>
  </si>
  <si>
    <t>727450-14913-2013.gz</t>
  </si>
  <si>
    <t>722358-93919-2015.gz</t>
  </si>
  <si>
    <t>VALLEY</t>
  </si>
  <si>
    <t>726518-99999-2005.gz</t>
  </si>
  <si>
    <t>SUNDAY</t>
  </si>
  <si>
    <t>722113-53979-2007.gz</t>
  </si>
  <si>
    <t>LUCERO</t>
  </si>
  <si>
    <t>NE300013A</t>
  </si>
  <si>
    <t>722133-53946-2013.gz</t>
  </si>
  <si>
    <t>LARABEE /</t>
  </si>
  <si>
    <t>727720-24144-1995.gz</t>
  </si>
  <si>
    <t>724350-03816-1999.gz</t>
  </si>
  <si>
    <t>LITTLE CANE CREEK FIRE</t>
  </si>
  <si>
    <t>720353-63875-2011.gz</t>
  </si>
  <si>
    <t>VIRGINIA</t>
  </si>
  <si>
    <t>MARVIN MARTIN ROAD (15)</t>
  </si>
  <si>
    <t>GALAX CORP</t>
  </si>
  <si>
    <t>720277-63843-2013.gz</t>
  </si>
  <si>
    <t>CROWDER</t>
  </si>
  <si>
    <t>724836-23208-2012.gz</t>
  </si>
  <si>
    <t>POWER</t>
  </si>
  <si>
    <t>723840-23155-1993.gz</t>
  </si>
  <si>
    <t>RD07-09</t>
  </si>
  <si>
    <t>724236-03889-2002.gz</t>
  </si>
  <si>
    <t>KORB 1 FIRE</t>
  </si>
  <si>
    <t>722113-53979-2013.gz</t>
  </si>
  <si>
    <t>720599-00192-2010.gz</t>
  </si>
  <si>
    <t>726685-94052-2015.gz</t>
  </si>
  <si>
    <t>BIG BRANCH</t>
  </si>
  <si>
    <t>A06773-00334-2015.gz</t>
  </si>
  <si>
    <t>FY2001-SCREVEN-027</t>
  </si>
  <si>
    <t>3 MORGAN'S FIRE</t>
  </si>
  <si>
    <t>FY2014-LUMPKIN-020</t>
  </si>
  <si>
    <t>722185-53838-2014.gz</t>
  </si>
  <si>
    <t>COUCH</t>
  </si>
  <si>
    <t>722241-54925-2015.gz</t>
  </si>
  <si>
    <t>BOARD</t>
  </si>
  <si>
    <t>RODEO</t>
  </si>
  <si>
    <t>723826-99999-1996.gz</t>
  </si>
  <si>
    <t>WOODS</t>
  </si>
  <si>
    <t>SELLECK</t>
  </si>
  <si>
    <t>725869-99999-2000.gz</t>
  </si>
  <si>
    <t>POSEY HOLLOW 2</t>
  </si>
  <si>
    <t>720172-53996-2013.gz</t>
  </si>
  <si>
    <t>ALDER</t>
  </si>
  <si>
    <t>CRUMB HOLLOW</t>
  </si>
  <si>
    <t>EARTH 2</t>
  </si>
  <si>
    <t>722489-53911-2012.gz</t>
  </si>
  <si>
    <t>FY2011-TOWNS-010</t>
  </si>
  <si>
    <t>722570-03933-2007.gz</t>
  </si>
  <si>
    <t>722212-99999-2005.gz</t>
  </si>
  <si>
    <t>ORCHARD ADDITION</t>
  </si>
  <si>
    <t>724116-99999-2001.gz</t>
  </si>
  <si>
    <t xml:space="preserve">POLE LINE                </t>
  </si>
  <si>
    <t>724815-99999-1996.gz</t>
  </si>
  <si>
    <t>722017-99999-2001.gz</t>
  </si>
  <si>
    <t>723448-53934-2015.gz</t>
  </si>
  <si>
    <t>VALLEY MEADOW</t>
  </si>
  <si>
    <t>723783-03195-2009.gz</t>
  </si>
  <si>
    <t>E WILLIAMS</t>
  </si>
  <si>
    <t>727584-99999-2005.gz</t>
  </si>
  <si>
    <t>725146-54773-2014.gz</t>
  </si>
  <si>
    <t>LOZANO ST / PEREZ ST</t>
  </si>
  <si>
    <t>BOGGER MTN #4</t>
  </si>
  <si>
    <t>723566-93950-2008.gz</t>
  </si>
  <si>
    <t>ABRAMS N/O</t>
  </si>
  <si>
    <t>720276-12983-2013.gz</t>
  </si>
  <si>
    <t>785140-99999-2002.gz</t>
  </si>
  <si>
    <t>HAIL</t>
  </si>
  <si>
    <t>LITTLE WHITE OAK</t>
  </si>
  <si>
    <t>722247-54785-2007.gz</t>
  </si>
  <si>
    <t>723418-13977-1997.gz</t>
  </si>
  <si>
    <t>722535-12909-2006.gz</t>
  </si>
  <si>
    <t>TWOMILE CREEK</t>
  </si>
  <si>
    <t>994240-99999-2001.gz</t>
  </si>
  <si>
    <t>GREEN MT FIRE</t>
  </si>
  <si>
    <t>726980-24229-1999.gz</t>
  </si>
  <si>
    <t>SANGUINE GRASS FIRE</t>
  </si>
  <si>
    <t>722637-93046-2011.gz</t>
  </si>
  <si>
    <t>HWY 80 @ HELEMS TRAIL</t>
  </si>
  <si>
    <t>VERDE AV  HILMAR</t>
  </si>
  <si>
    <t>724810-23203-2011.gz</t>
  </si>
  <si>
    <t>SIXTEEN BOXES</t>
  </si>
  <si>
    <t>725119-54792-2015.gz</t>
  </si>
  <si>
    <t>MESQUITE RANCH FIRE</t>
  </si>
  <si>
    <t>723510-13966-2015.gz</t>
  </si>
  <si>
    <t>TORPY</t>
  </si>
  <si>
    <t>CORPORATION 98</t>
  </si>
  <si>
    <t>725958-99999-1998.gz</t>
  </si>
  <si>
    <t xml:space="preserve">HONEYDEW                 </t>
  </si>
  <si>
    <t>725848-99999-1997.gz</t>
  </si>
  <si>
    <t>RL 128</t>
  </si>
  <si>
    <t>727486-04983-2013.gz</t>
  </si>
  <si>
    <t>CAR</t>
  </si>
  <si>
    <t>THIRD TIME</t>
  </si>
  <si>
    <t>REICHE</t>
  </si>
  <si>
    <t>ONEIDA FARMS</t>
  </si>
  <si>
    <t>726504-54838-2012.gz</t>
  </si>
  <si>
    <t>RED TAIL</t>
  </si>
  <si>
    <t>720933-00318-2013.gz</t>
  </si>
  <si>
    <t>724125-99999-1998.gz</t>
  </si>
  <si>
    <t>13-003</t>
  </si>
  <si>
    <t>720603-00195-2014.gz</t>
  </si>
  <si>
    <t>NOR-20120304-003</t>
  </si>
  <si>
    <t>MERLIN POSKEY</t>
  </si>
  <si>
    <t>722499-53948-2014.gz</t>
  </si>
  <si>
    <t>ERSOLE (38)</t>
  </si>
  <si>
    <t>722055-12861-2011.gz</t>
  </si>
  <si>
    <t>726507-99999-1999.gz</t>
  </si>
  <si>
    <t>722470-03901-2001.gz</t>
  </si>
  <si>
    <t>723400-99999-2000.gz</t>
  </si>
  <si>
    <t>JOE'S HOLE</t>
  </si>
  <si>
    <t>723109-99999-2004.gz</t>
  </si>
  <si>
    <t>722637-93046-2007.gz</t>
  </si>
  <si>
    <t>722177-99999-2005.gz</t>
  </si>
  <si>
    <t>HORSE CREEK</t>
  </si>
  <si>
    <t>724756-23159-2006.gz</t>
  </si>
  <si>
    <t>722148-63824-2007.gz</t>
  </si>
  <si>
    <t>SEISMIC</t>
  </si>
  <si>
    <t>MIESTER</t>
  </si>
  <si>
    <t>725150-04725-1999.gz</t>
  </si>
  <si>
    <t>726548-04971-2013.gz</t>
  </si>
  <si>
    <t>723510-13966-2008.gz</t>
  </si>
  <si>
    <t>724117-63802-2009.gz</t>
  </si>
  <si>
    <t>D-5 SPRING</t>
  </si>
  <si>
    <t>723747-99999-2003.gz</t>
  </si>
  <si>
    <t>723116-99999-2002.gz</t>
  </si>
  <si>
    <t>724636-03013-2013.gz</t>
  </si>
  <si>
    <t xml:space="preserve">"JOHNSON,S"              </t>
  </si>
  <si>
    <t>692704-99999-1992.gz</t>
  </si>
  <si>
    <t>FLOW THOMAS FIRE</t>
  </si>
  <si>
    <t>746930-93737-2011.gz</t>
  </si>
  <si>
    <t>THORNBUTTE</t>
  </si>
  <si>
    <t>726776-24036-1996.gz</t>
  </si>
  <si>
    <t>723418-13977-2001.gz</t>
  </si>
  <si>
    <t>727503-04909-2010.gz</t>
  </si>
  <si>
    <t>FY2011-CARROLL-024</t>
  </si>
  <si>
    <t>720674-00249-2011.gz</t>
  </si>
  <si>
    <t>720368-54924-2006.gz</t>
  </si>
  <si>
    <t>723144-53890-2008.gz</t>
  </si>
  <si>
    <t>723107-00371-2009.gz</t>
  </si>
  <si>
    <t>RAMBO LANE</t>
  </si>
  <si>
    <t>726945-99999-1997.gz</t>
  </si>
  <si>
    <t>RHOME TRASH</t>
  </si>
  <si>
    <t>720404-00134-2014.gz</t>
  </si>
  <si>
    <t>725144-99999-2002.gz</t>
  </si>
  <si>
    <t>723265-03847-2006.gz</t>
  </si>
  <si>
    <t>1207 PAIT RD FIRE</t>
  </si>
  <si>
    <t>723108-99999-2003.gz</t>
  </si>
  <si>
    <t>720413-00138-2010.gz</t>
  </si>
  <si>
    <t>722235-13838-1997.gz</t>
  </si>
  <si>
    <t>GRASSFIRE 10-3/2015</t>
  </si>
  <si>
    <t>747460-03904-2015.gz</t>
  </si>
  <si>
    <t>SHERILL CV</t>
  </si>
  <si>
    <t>DROP OFF</t>
  </si>
  <si>
    <t>722745-23109-2005.gz</t>
  </si>
  <si>
    <t>PATRICIA L DANIEL</t>
  </si>
  <si>
    <t>723235-13896-2009.gz</t>
  </si>
  <si>
    <t>FY2011-MCINTOSH-081</t>
  </si>
  <si>
    <t>I 10  E/ DESERT CENTER RI</t>
  </si>
  <si>
    <t>747188-23158-2011.gz</t>
  </si>
  <si>
    <t>725527-94978-2012.gz</t>
  </si>
  <si>
    <t xml:space="preserve">PG&amp;E #6                  </t>
  </si>
  <si>
    <t>724937-23289-2006.gz</t>
  </si>
  <si>
    <t>A00013</t>
  </si>
  <si>
    <t>724270-99999-2005.gz</t>
  </si>
  <si>
    <t>722319-53943-2008.gz</t>
  </si>
  <si>
    <t>722108-99999-2000.gz</t>
  </si>
  <si>
    <t>162 CAR</t>
  </si>
  <si>
    <t>722485-99999-2000.gz</t>
  </si>
  <si>
    <t>724646-99999-2005.gz</t>
  </si>
  <si>
    <t>WEAVER ROAD</t>
  </si>
  <si>
    <t>726904-24231-2009.gz</t>
  </si>
  <si>
    <t>726555-99999-2005.gz</t>
  </si>
  <si>
    <t>CALERO RESERVOIR SOUTH_SA</t>
  </si>
  <si>
    <t>725526-14905-2012.gz</t>
  </si>
  <si>
    <t>SWR-20120625-005</t>
  </si>
  <si>
    <t>722230-13894-2012.gz</t>
  </si>
  <si>
    <t>HOUND</t>
  </si>
  <si>
    <t>723755-03103-1997.gz</t>
  </si>
  <si>
    <t>MEADOW FORK</t>
  </si>
  <si>
    <t>MS0    0909-2780329001</t>
  </si>
  <si>
    <t>723307-53893-2009.gz</t>
  </si>
  <si>
    <t>LOWE</t>
  </si>
  <si>
    <t>720296-53945-2012.gz</t>
  </si>
  <si>
    <t>STAR</t>
  </si>
  <si>
    <t>725845-23225-2001.gz</t>
  </si>
  <si>
    <t>MAGNOLIA</t>
  </si>
  <si>
    <t>NWR-20150206-004</t>
  </si>
  <si>
    <t>720505-00156-2015.gz</t>
  </si>
  <si>
    <t>MOOSE</t>
  </si>
  <si>
    <t>726763-99999-2003.gz</t>
  </si>
  <si>
    <t>PIGEON ROOST TRAIL</t>
  </si>
  <si>
    <t>722691-99999-2008.gz</t>
  </si>
  <si>
    <t>RL122</t>
  </si>
  <si>
    <t>727550-99999-1999.gz</t>
  </si>
  <si>
    <t>STATE GAME LANDS</t>
  </si>
  <si>
    <t>725130-14777-2012.gz</t>
  </si>
  <si>
    <t>724058-53818-2010.gz</t>
  </si>
  <si>
    <t>WASTE WATER PLANT FIRE</t>
  </si>
  <si>
    <t>723074-99999-2002.gz</t>
  </si>
  <si>
    <t>725185-14750-2008.gz</t>
  </si>
  <si>
    <t>722270-13864-1998.gz</t>
  </si>
  <si>
    <t>WOODCOCK MT. # 2</t>
  </si>
  <si>
    <t>725985-24267-1994.gz</t>
  </si>
  <si>
    <t>726183-54772-2014.gz</t>
  </si>
  <si>
    <t>723444-99999-1992.gz</t>
  </si>
  <si>
    <t>BEAVER CREEK #7</t>
  </si>
  <si>
    <t>725945-24283-2007.gz</t>
  </si>
  <si>
    <t>SER-20150110-001</t>
  </si>
  <si>
    <t>722275-53843-2014.gz</t>
  </si>
  <si>
    <t>723143-03720-2007.gz</t>
  </si>
  <si>
    <t>SCHRIENER</t>
  </si>
  <si>
    <t>BISHOP</t>
  </si>
  <si>
    <t>722143-53975-2006.gz</t>
  </si>
  <si>
    <t>MAIN</t>
  </si>
  <si>
    <t>MS0    0909-3330612001</t>
  </si>
  <si>
    <t>722348-53808-2009.gz</t>
  </si>
  <si>
    <t>726070-14606-2012.gz</t>
  </si>
  <si>
    <t>L H DITCH</t>
  </si>
  <si>
    <t>725765-24061-2006.gz</t>
  </si>
  <si>
    <t>MOOSE TWO</t>
  </si>
  <si>
    <t>725784-04109-2014.gz</t>
  </si>
  <si>
    <t>727555-94956-2006.gz</t>
  </si>
  <si>
    <t>CANYON HILLS</t>
  </si>
  <si>
    <t>726904-24231-2008.gz</t>
  </si>
  <si>
    <t>HECK # 9</t>
  </si>
  <si>
    <t>725945-24283-2015.gz</t>
  </si>
  <si>
    <t>723148-63859-2006.gz</t>
  </si>
  <si>
    <t>HILLSIDE LANE</t>
  </si>
  <si>
    <t>722201-03723-2012.gz</t>
  </si>
  <si>
    <t>HANG DOG</t>
  </si>
  <si>
    <t>724765-93013-2006.gz</t>
  </si>
  <si>
    <t>SAW 2</t>
  </si>
  <si>
    <t>724462-03073-2009.gz</t>
  </si>
  <si>
    <t>722170-03813-1992.gz</t>
  </si>
  <si>
    <t>723069-99999-1994.gz</t>
  </si>
  <si>
    <t>FISHER VALLEY ROAD FIRE 2</t>
  </si>
  <si>
    <t>720768-00274-2015.gz</t>
  </si>
  <si>
    <t>DUSTDEVIL</t>
  </si>
  <si>
    <t>722780-23183-1998.gz</t>
  </si>
  <si>
    <t>CAUDILL</t>
  </si>
  <si>
    <t>722688-99999-2000.gz</t>
  </si>
  <si>
    <t>HOUSE ROAD</t>
  </si>
  <si>
    <t>152 days 00:00:00.000000000</t>
  </si>
  <si>
    <t>ADAMS</t>
  </si>
  <si>
    <t>SONOCO</t>
  </si>
  <si>
    <t>746710-13806-1997.gz</t>
  </si>
  <si>
    <t xml:space="preserve">BELL                     </t>
  </si>
  <si>
    <t>650 FIRE</t>
  </si>
  <si>
    <t>724250-03860-2010.gz</t>
  </si>
  <si>
    <t>722340-13865-2001.gz</t>
  </si>
  <si>
    <t>724016-99999-2002.gz</t>
  </si>
  <si>
    <t>722270-13864-1993.gz</t>
  </si>
  <si>
    <t>722366-53865-2009.gz</t>
  </si>
  <si>
    <t>723444-99999-1997.gz</t>
  </si>
  <si>
    <t>GRIZZLY RIDGE</t>
  </si>
  <si>
    <t>727790-24146-2007.gz</t>
  </si>
  <si>
    <t>FIELDS</t>
  </si>
  <si>
    <t>722745-99999-2003.gz</t>
  </si>
  <si>
    <t>722123-99999-2000.gz</t>
  </si>
  <si>
    <t>720379-63882-2009.gz</t>
  </si>
  <si>
    <t>E 22ND ST / SAMPSON ST</t>
  </si>
  <si>
    <t>724838-93205-2013.gz</t>
  </si>
  <si>
    <t xml:space="preserve">BUSCH                    </t>
  </si>
  <si>
    <t>723890-93193-1996.gz</t>
  </si>
  <si>
    <t>722261-00360-2009.gz</t>
  </si>
  <si>
    <t>MALAGUITE</t>
  </si>
  <si>
    <t>723066-13713-1994.gz</t>
  </si>
  <si>
    <t>723434-03973-2012.gz</t>
  </si>
  <si>
    <t>723403-13963-2000.gz</t>
  </si>
  <si>
    <t>726165-99999-2002.gz</t>
  </si>
  <si>
    <t>SHAVER RD</t>
  </si>
  <si>
    <t>720286-53977-2007.gz</t>
  </si>
  <si>
    <t>NORTH CASH CREEK</t>
  </si>
  <si>
    <t>726777-94055-2008.gz</t>
  </si>
  <si>
    <t>UPPER KINKAID</t>
  </si>
  <si>
    <t>727890-94197-2014.gz</t>
  </si>
  <si>
    <t>A51256</t>
  </si>
  <si>
    <t>725180-14735-2015.gz</t>
  </si>
  <si>
    <t>SKIDDER</t>
  </si>
  <si>
    <t>LIVINGSTON - 7</t>
  </si>
  <si>
    <t>722444-53902-2008.gz</t>
  </si>
  <si>
    <t>FY2011-CHATTOOGA-064</t>
  </si>
  <si>
    <t>RL240</t>
  </si>
  <si>
    <t>RIDGETOP</t>
  </si>
  <si>
    <t>724017-99999-1995.gz</t>
  </si>
  <si>
    <t>724106-13728-2015.gz</t>
  </si>
  <si>
    <t>ROY PROCTOR</t>
  </si>
  <si>
    <t>RL110</t>
  </si>
  <si>
    <t xml:space="preserve">OEST                     </t>
  </si>
  <si>
    <t>724837-93216-2006.gz</t>
  </si>
  <si>
    <t>725086-99999-2002.gz</t>
  </si>
  <si>
    <t>DEER CREEK</t>
  </si>
  <si>
    <t>720287-53967-2011.gz</t>
  </si>
  <si>
    <t>WHITES LAKE 1</t>
  </si>
  <si>
    <t>723347-03809-2012.gz</t>
  </si>
  <si>
    <t>COUNTY</t>
  </si>
  <si>
    <t>SZFD141296</t>
  </si>
  <si>
    <t>722536-12911-2014.gz</t>
  </si>
  <si>
    <t>LEGACY (53) **</t>
  </si>
  <si>
    <t>722123-12809-2012.gz</t>
  </si>
  <si>
    <t>722489-53911-2006.gz</t>
  </si>
  <si>
    <t>BUNKER HILL HGTS</t>
  </si>
  <si>
    <t>724053-99999-2001.gz</t>
  </si>
  <si>
    <t>ROSCOMMON 03</t>
  </si>
  <si>
    <t>726380-94814-2015.gz</t>
  </si>
  <si>
    <t>HEADSET</t>
  </si>
  <si>
    <t>722187-93911-2011.gz</t>
  </si>
  <si>
    <t>RODEO CRK</t>
  </si>
  <si>
    <t>SANDDUNE 1</t>
  </si>
  <si>
    <t>724795-99999-1995.gz</t>
  </si>
  <si>
    <t>COTTON PICKER</t>
  </si>
  <si>
    <t>723109-99999-2001.gz</t>
  </si>
  <si>
    <t>945 SOUTH FIRE</t>
  </si>
  <si>
    <t>725021-99999-2010.gz</t>
  </si>
  <si>
    <t>722230-13894-1992.gz</t>
  </si>
  <si>
    <t>POINTSPRNG</t>
  </si>
  <si>
    <t>725869-94186-1993.gz</t>
  </si>
  <si>
    <t>HOBO FIRE</t>
  </si>
  <si>
    <t>723415-99999-1999.gz</t>
  </si>
  <si>
    <t>N. HALFWAY</t>
  </si>
  <si>
    <t>54 days 00:00:00.000000000</t>
  </si>
  <si>
    <t>SUNTEX RD.</t>
  </si>
  <si>
    <t>720584-00181-2010.gz</t>
  </si>
  <si>
    <t>720312-04964-2015.gz</t>
  </si>
  <si>
    <t>THANKSGIVING</t>
  </si>
  <si>
    <t>RI</t>
  </si>
  <si>
    <t>BRIDGER</t>
  </si>
  <si>
    <t xml:space="preserve">TWO ROCK                 </t>
  </si>
  <si>
    <t>725476-04916-2012.gz</t>
  </si>
  <si>
    <t>720373-92824-2006.gz</t>
  </si>
  <si>
    <t>724350-03816-2007.gz</t>
  </si>
  <si>
    <t>GRANDMA'S</t>
  </si>
  <si>
    <t>722748-99999-1996.gz</t>
  </si>
  <si>
    <t>725155-99999-2002.gz</t>
  </si>
  <si>
    <t>MAYHEW WATSON</t>
  </si>
  <si>
    <t>722231-00357-2011.gz</t>
  </si>
  <si>
    <t>723194-99999-2001.gz</t>
  </si>
  <si>
    <t>MS0    1111-1480215005</t>
  </si>
  <si>
    <t>HOOTEN</t>
  </si>
  <si>
    <t>726904-24231-1998.gz</t>
  </si>
  <si>
    <t>BLACKFOOT RIVER</t>
  </si>
  <si>
    <t>PINEY CREEK</t>
  </si>
  <si>
    <t>724354-99999-2003.gz</t>
  </si>
  <si>
    <t>722444-53902-2006.gz</t>
  </si>
  <si>
    <t>POOL HOUSE</t>
  </si>
  <si>
    <t>722193-03722-2013.gz</t>
  </si>
  <si>
    <t>724769-99999-2003.gz</t>
  </si>
  <si>
    <t>WESTWOOD</t>
  </si>
  <si>
    <t>MAXEY</t>
  </si>
  <si>
    <t>725145-99999-1998.gz</t>
  </si>
  <si>
    <t>3530 COMMAND</t>
  </si>
  <si>
    <t>720311-53962-2013.gz</t>
  </si>
  <si>
    <t xml:space="preserve">FKU 13979                </t>
  </si>
  <si>
    <t>723440-13964-2003.gz</t>
  </si>
  <si>
    <t>PRIMESTAR</t>
  </si>
  <si>
    <t>722092-53941-2010.gz</t>
  </si>
  <si>
    <t>FY2003-HENRY-009</t>
  </si>
  <si>
    <t>WYMAN</t>
  </si>
  <si>
    <t>726774-99999-2002.gz</t>
  </si>
  <si>
    <t>101 HIDDEN VALLEY DR</t>
  </si>
  <si>
    <t>722570-03933-2014.gz</t>
  </si>
  <si>
    <t>723235-13896-1998.gz</t>
  </si>
  <si>
    <t>HUNTING CLUB FIRE</t>
  </si>
  <si>
    <t>723250-03847-2015.gz</t>
  </si>
  <si>
    <t>725715-99999-1993.gz</t>
  </si>
  <si>
    <t>CLOVERDALE</t>
  </si>
  <si>
    <t>725905-23275-2013.gz</t>
  </si>
  <si>
    <t>994230-99999-1992.gz</t>
  </si>
  <si>
    <t xml:space="preserve">SHELL INC                </t>
  </si>
  <si>
    <t>MILE POST</t>
  </si>
  <si>
    <t>725074-54752-2009.gz</t>
  </si>
  <si>
    <t>723109-93782-2006.gz</t>
  </si>
  <si>
    <t>STMARYFIRE</t>
  </si>
  <si>
    <t>722051-53932-2010.gz</t>
  </si>
  <si>
    <t>BAGGETT FIRE</t>
  </si>
  <si>
    <t>SHAMROCK</t>
  </si>
  <si>
    <t>723545-99999-2005.gz</t>
  </si>
  <si>
    <t>UPRR</t>
  </si>
  <si>
    <t>720578-00176-2009.gz</t>
  </si>
  <si>
    <t>FIVE</t>
  </si>
  <si>
    <t>723840-23155-1999.gz</t>
  </si>
  <si>
    <t>722440-12918-2005.gz</t>
  </si>
  <si>
    <t>722312-03908-2008.gz</t>
  </si>
  <si>
    <t>722261-00360-2007.gz</t>
  </si>
  <si>
    <t>725036-14757-2005.gz</t>
  </si>
  <si>
    <t xml:space="preserve">E BELLEVUE RD  MCKEE 7   </t>
  </si>
  <si>
    <t>994220-99999-1996.gz</t>
  </si>
  <si>
    <t>A1304015</t>
  </si>
  <si>
    <t>725570-14943-2004.gz</t>
  </si>
  <si>
    <t>O'KEEFE RANCH</t>
  </si>
  <si>
    <t>724235-13810-1999.gz</t>
  </si>
  <si>
    <t>FY2012-MILLER-004</t>
  </si>
  <si>
    <t>HIGHLAND AVENUE</t>
  </si>
  <si>
    <t>FY2014-WILCOX-008</t>
  </si>
  <si>
    <t>720962-00337-2014.gz</t>
  </si>
  <si>
    <t xml:space="preserve">58 IC CALFIRE TAC2       </t>
  </si>
  <si>
    <t xml:space="preserve">"AMIGAS, WHITE 2"        </t>
  </si>
  <si>
    <t>724955-93227-2008.gz</t>
  </si>
  <si>
    <t>BIKE</t>
  </si>
  <si>
    <t>721038-99999-2015.gz</t>
  </si>
  <si>
    <t>722484-53905-2002.gz</t>
  </si>
  <si>
    <t>FY2002-MCINTOSH-034</t>
  </si>
  <si>
    <t>722090-99999-2002.gz</t>
  </si>
  <si>
    <t>722361-92808-2009.gz</t>
  </si>
  <si>
    <t>RYE COVE FIRE</t>
  </si>
  <si>
    <t xml:space="preserve">HY 62  / INDIAN AV 40    </t>
  </si>
  <si>
    <t>690150-93121-2006.gz</t>
  </si>
  <si>
    <t>HWY 15</t>
  </si>
  <si>
    <t>FY2001-EFFINGHAM-076</t>
  </si>
  <si>
    <t>724627-03011-2008.gz</t>
  </si>
  <si>
    <t>FOSTER CREEK</t>
  </si>
  <si>
    <t>702695-99999-2000.gz</t>
  </si>
  <si>
    <t xml:space="preserve">POTRERO                  </t>
  </si>
  <si>
    <t>747186-99999-1992.gz</t>
  </si>
  <si>
    <t>727873-99999-2000.gz</t>
  </si>
  <si>
    <t>SHADY GROVE(21)</t>
  </si>
  <si>
    <t>747560-12816-2015.gz</t>
  </si>
  <si>
    <t>LIVINGSTON - 580</t>
  </si>
  <si>
    <t>725021-99999-2011.gz</t>
  </si>
  <si>
    <t>CAUDLE LANE</t>
  </si>
  <si>
    <t>MUTUAL AID/MCCULLOGH CO/US 190 W</t>
  </si>
  <si>
    <t>723628-93942-2011.gz</t>
  </si>
  <si>
    <t>GRAPEVINE</t>
  </si>
  <si>
    <t>CREST</t>
  </si>
  <si>
    <t>722576-03902-2010.gz</t>
  </si>
  <si>
    <t>722312-03908-2007.gz</t>
  </si>
  <si>
    <t>SPUR 162</t>
  </si>
  <si>
    <t>720395-00130-2012.gz</t>
  </si>
  <si>
    <t>723419-93992-2010.gz</t>
  </si>
  <si>
    <t>727508-54915-2015.gz</t>
  </si>
  <si>
    <t>720366-63879-2007.gz</t>
  </si>
  <si>
    <t>CR 204  (55)</t>
  </si>
  <si>
    <t>720672-00485-2012.gz</t>
  </si>
  <si>
    <t>RIVERSIDE FIRE</t>
  </si>
  <si>
    <t>720887-00297-2015.gz</t>
  </si>
  <si>
    <t>62/82</t>
  </si>
  <si>
    <t>724236-03889-2003.gz</t>
  </si>
  <si>
    <t>TRASH DUMP FIRE</t>
  </si>
  <si>
    <t>RT. FK. DAN'S BR.</t>
  </si>
  <si>
    <t>785510-11624-2011.gz</t>
  </si>
  <si>
    <t>3428 FIRE LAKE ESTATES</t>
  </si>
  <si>
    <t>SAFARI3</t>
  </si>
  <si>
    <t xml:space="preserve">WASHTUB                  </t>
  </si>
  <si>
    <t>724946-99999-2003.gz</t>
  </si>
  <si>
    <t>725025-94741-2014.gz</t>
  </si>
  <si>
    <t>722196-53863-2007.gz</t>
  </si>
  <si>
    <t>725085-54756-2004.gz</t>
  </si>
  <si>
    <t>JALEPENO</t>
  </si>
  <si>
    <t>722164-99999-2005.gz</t>
  </si>
  <si>
    <t>994260-99999-1996.gz</t>
  </si>
  <si>
    <t>PAUL</t>
  </si>
  <si>
    <t>726070-14606-2015.gz</t>
  </si>
  <si>
    <t>BROOKLYN BAY (10)</t>
  </si>
  <si>
    <t>749048-00415-2013.gz</t>
  </si>
  <si>
    <t>723116-99999-2000.gz</t>
  </si>
  <si>
    <t>722024-99999-1997.gz</t>
  </si>
  <si>
    <t>LAKESIDE</t>
  </si>
  <si>
    <t>726155-99999-2004.gz</t>
  </si>
  <si>
    <t>197TH</t>
  </si>
  <si>
    <t>722029-99999-1991.gz</t>
  </si>
  <si>
    <t>KELSO</t>
  </si>
  <si>
    <t>CLE4694353</t>
  </si>
  <si>
    <t>723417-93988-2014.gz</t>
  </si>
  <si>
    <t>MS0    1010-3650315001</t>
  </si>
  <si>
    <t>ARCH CREEK</t>
  </si>
  <si>
    <t>KIOWA UNIT 34-3</t>
  </si>
  <si>
    <t>722071-53935-2009.gz</t>
  </si>
  <si>
    <t>722953-03183-2013.gz</t>
  </si>
  <si>
    <t>727514-99999-2000.gz</t>
  </si>
  <si>
    <t>722340-13865-2003.gz</t>
  </si>
  <si>
    <t>FM 1581 @ FM 117</t>
  </si>
  <si>
    <t>722202-12985-2015.gz</t>
  </si>
  <si>
    <t xml:space="preserve">DOS PALMAS               </t>
  </si>
  <si>
    <t>SCOUT</t>
  </si>
  <si>
    <t>722594-99999-2003.gz</t>
  </si>
  <si>
    <t xml:space="preserve">"ALVAREZ, A."            </t>
  </si>
  <si>
    <t>725920-24257-2000.gz</t>
  </si>
  <si>
    <t>720926-00313-2013.gz</t>
  </si>
  <si>
    <t>723418-13977-1999.gz</t>
  </si>
  <si>
    <t>TUCK</t>
  </si>
  <si>
    <t>724620-23061-2003.gz</t>
  </si>
  <si>
    <t>746940-03708-2007.gz</t>
  </si>
  <si>
    <t>747560-12816-2006.gz</t>
  </si>
  <si>
    <t>MCQUEEN</t>
  </si>
  <si>
    <t>724462-03073-2015.gz</t>
  </si>
  <si>
    <t>HWY 77 AND NW 150TH</t>
  </si>
  <si>
    <t>724509-53939-2012.gz</t>
  </si>
  <si>
    <t>MINERAL CREEK</t>
  </si>
  <si>
    <t>724640-93058-2002.gz</t>
  </si>
  <si>
    <t>747915-93718-1993.gz</t>
  </si>
  <si>
    <t>RIVERTON</t>
  </si>
  <si>
    <t>725785-24145-2010.gz</t>
  </si>
  <si>
    <t>097 LOOP</t>
  </si>
  <si>
    <t>722821-53988-2011.gz</t>
  </si>
  <si>
    <t>FIREBOX</t>
  </si>
  <si>
    <t>723747-99999-2000.gz</t>
  </si>
  <si>
    <t>TEEC NOS POS</t>
  </si>
  <si>
    <t>724767-93069-2015.gz</t>
  </si>
  <si>
    <t>OPEN</t>
  </si>
  <si>
    <t>GRASS CLIFTON</t>
  </si>
  <si>
    <t>722499-99999-1995.gz</t>
  </si>
  <si>
    <t>725565-94951-2012.gz</t>
  </si>
  <si>
    <t>RAINBOW</t>
  </si>
  <si>
    <t>723747-99999-1999.gz</t>
  </si>
  <si>
    <t>ROLAND</t>
  </si>
  <si>
    <t>FY2002-COOK-035</t>
  </si>
  <si>
    <t>SIMONSON</t>
  </si>
  <si>
    <t>ELECTRA</t>
  </si>
  <si>
    <t>724920-23237-2006.gz</t>
  </si>
  <si>
    <t>PETERS CEMETERY</t>
  </si>
  <si>
    <t>CORN # 1</t>
  </si>
  <si>
    <t>720395-00130-2011.gz</t>
  </si>
  <si>
    <t>FY2011-POLK-076</t>
  </si>
  <si>
    <t>723200-93801-2011.gz</t>
  </si>
  <si>
    <t>A00024-53848-2007.gz</t>
  </si>
  <si>
    <t>723119-99999-2002.gz</t>
  </si>
  <si>
    <t>DUETTE RD. (41)</t>
  </si>
  <si>
    <t>722119-12883-2012.gz</t>
  </si>
  <si>
    <t>ANCHOR</t>
  </si>
  <si>
    <t>HORSESHOE FIRE</t>
  </si>
  <si>
    <t>STOMPING</t>
  </si>
  <si>
    <t>722747-99999-2001.gz</t>
  </si>
  <si>
    <t>MARCOOT CHARCOAL #3</t>
  </si>
  <si>
    <t>723030-13714-1992.gz</t>
  </si>
  <si>
    <t>FY2012-TAYLOR-005</t>
  </si>
  <si>
    <t>SOUTHTWIN</t>
  </si>
  <si>
    <t>A00003-63844-2006.gz</t>
  </si>
  <si>
    <t>725150-04725-2001.gz</t>
  </si>
  <si>
    <t>TAG RIVER3</t>
  </si>
  <si>
    <t>702717-99999-2002.gz</t>
  </si>
  <si>
    <t>72113 DITCH</t>
  </si>
  <si>
    <t>722252-54923-2013.gz</t>
  </si>
  <si>
    <t>722119-99999-2001.gz</t>
  </si>
  <si>
    <t>EASEMENT</t>
  </si>
  <si>
    <t>747255-99999-1996.gz</t>
  </si>
  <si>
    <t>722404-13941-2004.gz</t>
  </si>
  <si>
    <t xml:space="preserve">MINE                     </t>
  </si>
  <si>
    <t>724917-23233-1994.gz</t>
  </si>
  <si>
    <t>724459-99999-1994.gz</t>
  </si>
  <si>
    <t>727457-94962-2009.gz</t>
  </si>
  <si>
    <t>727135-99999-1997.gz</t>
  </si>
  <si>
    <t>GATOR BAY</t>
  </si>
  <si>
    <t>722029-99999-1996.gz</t>
  </si>
  <si>
    <t>BROWN</t>
  </si>
  <si>
    <t>722029-99999-1999.gz</t>
  </si>
  <si>
    <t>WORK ALOT</t>
  </si>
  <si>
    <t>723106-13744-2012.gz</t>
  </si>
  <si>
    <t>720467-00148-2014.gz</t>
  </si>
  <si>
    <t>2423 FM 2075</t>
  </si>
  <si>
    <t>720318-53965-2011.gz</t>
  </si>
  <si>
    <t>POPHER CREEK</t>
  </si>
  <si>
    <t>2654 VERNON TOWN RD, AL</t>
  </si>
  <si>
    <t>722108-99999-1994.gz</t>
  </si>
  <si>
    <t xml:space="preserve">SHF ASST #21             </t>
  </si>
  <si>
    <t>725955-24259-2006.gz</t>
  </si>
  <si>
    <t>WOLF</t>
  </si>
  <si>
    <t>SMITH GROVE</t>
  </si>
  <si>
    <t>723105-03858-2006.gz</t>
  </si>
  <si>
    <t>LITTLE BUFFALO</t>
  </si>
  <si>
    <t>HALE</t>
  </si>
  <si>
    <t>722156-53873-2008.gz</t>
  </si>
  <si>
    <t>51511-2</t>
  </si>
  <si>
    <t>THURMAN</t>
  </si>
  <si>
    <t>723020-13748-2007.gz</t>
  </si>
  <si>
    <t>KEEBLE PIT</t>
  </si>
  <si>
    <t>726560-99999-2001.gz</t>
  </si>
  <si>
    <t>MOTORCYCLE</t>
  </si>
  <si>
    <t>724235-99999-2000.gz</t>
  </si>
  <si>
    <t xml:space="preserve">DORFFI                   </t>
  </si>
  <si>
    <t xml:space="preserve">ORNALES                  </t>
  </si>
  <si>
    <t>745056-99999-2004.gz</t>
  </si>
  <si>
    <t>WILLIE POWELL RD, AL</t>
  </si>
  <si>
    <t>15-0001</t>
  </si>
  <si>
    <t>724502-13932-2014.gz</t>
  </si>
  <si>
    <t>FBI 2 FIRE</t>
  </si>
  <si>
    <t>727507-54904-2015.gz</t>
  </si>
  <si>
    <t>785510-99999-2007.gz</t>
  </si>
  <si>
    <t>GRASS FIRE 12696 N US HWY 67</t>
  </si>
  <si>
    <t>WATER TANK</t>
  </si>
  <si>
    <t>724625-99999-1999.gz</t>
  </si>
  <si>
    <t>723307-99999-2004.gz</t>
  </si>
  <si>
    <t>DAVE</t>
  </si>
  <si>
    <t>THREE LINKS</t>
  </si>
  <si>
    <t>725784-04109-2007.gz</t>
  </si>
  <si>
    <t>727555-99999-2005.gz</t>
  </si>
  <si>
    <t>724454-93996-2014.gz</t>
  </si>
  <si>
    <t>DANDY</t>
  </si>
  <si>
    <t>725955-24259-2011.gz</t>
  </si>
  <si>
    <t>PITS (51)</t>
  </si>
  <si>
    <t>720298-53971-2011.gz</t>
  </si>
  <si>
    <t>FY2011-LUMPKIN-040</t>
  </si>
  <si>
    <t>722185-53838-2011.gz</t>
  </si>
  <si>
    <t xml:space="preserve">MADERA- # 1860           </t>
  </si>
  <si>
    <t>FLINT</t>
  </si>
  <si>
    <t>720549-00171-2010.gz</t>
  </si>
  <si>
    <t>727676-24013-2007.gz</t>
  </si>
  <si>
    <t>722448-99999-1999.gz</t>
  </si>
  <si>
    <t>SWIFT RIVER</t>
  </si>
  <si>
    <t>702350-26534-2013.gz</t>
  </si>
  <si>
    <t>725945-24283-2008.gz</t>
  </si>
  <si>
    <t>NORTH OTTER</t>
  </si>
  <si>
    <t>PRAIRIE PINES  (36)</t>
  </si>
  <si>
    <t>BUFFALO</t>
  </si>
  <si>
    <t>722587-93955-2007.gz</t>
  </si>
  <si>
    <t>723114-03715-2011.gz</t>
  </si>
  <si>
    <t xml:space="preserve">CREEK                    </t>
  </si>
  <si>
    <t>725905-23275-2006.gz</t>
  </si>
  <si>
    <t>BIG FLAMES ON GREENBRIAR</t>
  </si>
  <si>
    <t>BOREVINCNT</t>
  </si>
  <si>
    <t>722124-04998-2010.gz</t>
  </si>
  <si>
    <t>BOMAR</t>
  </si>
  <si>
    <t>FY2002-GILMER-020</t>
  </si>
  <si>
    <t>722154-99999-2001.gz</t>
  </si>
  <si>
    <t>CHASE</t>
  </si>
  <si>
    <t>723350-13877-2006.gz</t>
  </si>
  <si>
    <t xml:space="preserve">DEER 4                   </t>
  </si>
  <si>
    <t>722926-03154-2007.gz</t>
  </si>
  <si>
    <t>LOBATO</t>
  </si>
  <si>
    <t>723654-93091-2008.gz</t>
  </si>
  <si>
    <t>724286-93824-2014.gz</t>
  </si>
  <si>
    <t>3 K PUMPHS</t>
  </si>
  <si>
    <t xml:space="preserve">HWY 68                   </t>
  </si>
  <si>
    <t>744989-14747-2005.gz</t>
  </si>
  <si>
    <t>722133-53946-2007.gz</t>
  </si>
  <si>
    <t>SCOTTY CREEK</t>
  </si>
  <si>
    <t>720616-00207-2012.gz</t>
  </si>
  <si>
    <t>727505-04929-2011.gz</t>
  </si>
  <si>
    <t>IVANHOE ROAD</t>
  </si>
  <si>
    <t>723119-13886-2011.gz</t>
  </si>
  <si>
    <t>BUTTE</t>
  </si>
  <si>
    <t>722354-13927-2014.gz</t>
  </si>
  <si>
    <t>SCHLENKER BOY</t>
  </si>
  <si>
    <t>724074-99999-2000.gz</t>
  </si>
  <si>
    <t>722594-53909-2011.gz</t>
  </si>
  <si>
    <t>723448-99999-2005.gz</t>
  </si>
  <si>
    <t>SISSON</t>
  </si>
  <si>
    <t xml:space="preserve">MASTEN                   </t>
  </si>
  <si>
    <t>725125-04787-2003.gz</t>
  </si>
  <si>
    <t>ANDERSON BEND2</t>
  </si>
  <si>
    <t>720768-00274-2012.gz</t>
  </si>
  <si>
    <t>HARVEY-LEWIS</t>
  </si>
  <si>
    <t>994580-99999-2000.gz</t>
  </si>
  <si>
    <t>REED/CYRD312 GRASS FIRE</t>
  </si>
  <si>
    <t>723761-23901-2013.gz</t>
  </si>
  <si>
    <t>722178-53953-2012.gz</t>
  </si>
  <si>
    <t>RASMUSSEN</t>
  </si>
  <si>
    <t>726590-14929-1996.gz</t>
  </si>
  <si>
    <t>723484-99999-2004.gz</t>
  </si>
  <si>
    <t>BORADER 25</t>
  </si>
  <si>
    <t>722904-03178-2007.gz</t>
  </si>
  <si>
    <t>CABIN</t>
  </si>
  <si>
    <t>722907-99999-1993.gz</t>
  </si>
  <si>
    <t>VOLCANO</t>
  </si>
  <si>
    <t>724680-94015-1992.gz</t>
  </si>
  <si>
    <t>722470-03901-2007.gz</t>
  </si>
  <si>
    <t>722319-53943-2010.gz</t>
  </si>
  <si>
    <t>723629-53998-2006.gz</t>
  </si>
  <si>
    <t>723116-99999-1999.gz</t>
  </si>
  <si>
    <t>723441-54921-2012.gz</t>
  </si>
  <si>
    <t>WATSON FIELD FIRE</t>
  </si>
  <si>
    <t>723013-13748-1996.gz</t>
  </si>
  <si>
    <t>725434-99999-2002.gz</t>
  </si>
  <si>
    <t>MIDVALLEY</t>
  </si>
  <si>
    <t>MELTING FENCE</t>
  </si>
  <si>
    <t>721038-99999-2013.gz</t>
  </si>
  <si>
    <t>JOHNSON</t>
  </si>
  <si>
    <t>A00016</t>
  </si>
  <si>
    <t>58-TRILLIUM FIRE-0355</t>
  </si>
  <si>
    <t>722115-12871-2010.gz</t>
  </si>
  <si>
    <t>724459-99999-1999.gz</t>
  </si>
  <si>
    <t>722108-99999-1999.gz</t>
  </si>
  <si>
    <t>722730-99999-2003.gz</t>
  </si>
  <si>
    <t>OPIE</t>
  </si>
  <si>
    <t>723447-03918-2013.gz</t>
  </si>
  <si>
    <t>MS0    0909-4200311007</t>
  </si>
  <si>
    <t>722230-13894-2009.gz</t>
  </si>
  <si>
    <t>PINEWOOD</t>
  </si>
  <si>
    <t>16478  CR 373</t>
  </si>
  <si>
    <t xml:space="preserve">"OHM, C"                 </t>
  </si>
  <si>
    <t>CONTROL BURN OUT OF CONTROL</t>
  </si>
  <si>
    <t>720295-53972-2014.gz</t>
  </si>
  <si>
    <t>722120-12833-2000.gz</t>
  </si>
  <si>
    <t>CEMETARY</t>
  </si>
  <si>
    <t>BUCKS BR.</t>
  </si>
  <si>
    <t>724140-13866-2004.gz</t>
  </si>
  <si>
    <t>QUEEN FIRE</t>
  </si>
  <si>
    <t>722185-53838-2010.gz</t>
  </si>
  <si>
    <t>HOT ASH FIRE</t>
  </si>
  <si>
    <t>720864-00290-2012.gz</t>
  </si>
  <si>
    <t>726410-14837-1994.gz</t>
  </si>
  <si>
    <t>722359-13978-2006.gz</t>
  </si>
  <si>
    <t>SCALES</t>
  </si>
  <si>
    <t>724837-93216-2008.gz</t>
  </si>
  <si>
    <t>182ND AVE (42)</t>
  </si>
  <si>
    <t>722012-92817-2012.gz</t>
  </si>
  <si>
    <t>SH71/LOST CREEK RD/D.MCBEE</t>
  </si>
  <si>
    <t>723628-93942-2015.gz</t>
  </si>
  <si>
    <t xml:space="preserve">CHERRY                   </t>
  </si>
  <si>
    <t>720369-04135-2008.gz</t>
  </si>
  <si>
    <t>722143-53975-2011.gz</t>
  </si>
  <si>
    <t>SEPTIC SPRAY III</t>
  </si>
  <si>
    <t>722131-03713-2012.gz</t>
  </si>
  <si>
    <t>723347-03809-2002.gz</t>
  </si>
  <si>
    <t>720314-93983-2010.gz</t>
  </si>
  <si>
    <t>726184-99999-2000.gz</t>
  </si>
  <si>
    <t>VASS FIRE</t>
  </si>
  <si>
    <t>723143-99999-2001.gz</t>
  </si>
  <si>
    <t>ONSUREZ</t>
  </si>
  <si>
    <t>722676-99999-2003.gz</t>
  </si>
  <si>
    <t>STONE MTN</t>
  </si>
  <si>
    <t>723183-13877-2009.gz</t>
  </si>
  <si>
    <t>CAT BRANCH</t>
  </si>
  <si>
    <t>ECR-20120703-001</t>
  </si>
  <si>
    <t>BELLAMY LAKE RD.FIRE</t>
  </si>
  <si>
    <t>723068-99999-1998.gz</t>
  </si>
  <si>
    <t>722255-93842-1992.gz</t>
  </si>
  <si>
    <t>HALFMOON 16</t>
  </si>
  <si>
    <t>722170-03813-1997.gz</t>
  </si>
  <si>
    <t>722286-93806-1996.gz</t>
  </si>
  <si>
    <t xml:space="preserve">"QUICK, A"               </t>
  </si>
  <si>
    <t>FY2013-TWIGGS-027</t>
  </si>
  <si>
    <t>FY2001-WILKINSON-004</t>
  </si>
  <si>
    <t>COUNTY ROAD 339 CONTROL BURN</t>
  </si>
  <si>
    <t>720305-53964-2015.gz</t>
  </si>
  <si>
    <t>723100-13883-2007.gz</t>
  </si>
  <si>
    <t>720739-00268-2013.gz</t>
  </si>
  <si>
    <t>722055-99999-1994.gz</t>
  </si>
  <si>
    <t>NETTLE RUN</t>
  </si>
  <si>
    <t>290 &amp; MOPAC</t>
  </si>
  <si>
    <t>WILDCAT</t>
  </si>
  <si>
    <t>FY2012-TAYLOR-028</t>
  </si>
  <si>
    <t>720959-99999-2012.gz</t>
  </si>
  <si>
    <t>OLDSMOBILE</t>
  </si>
  <si>
    <t>724238-99999-2005.gz</t>
  </si>
  <si>
    <t>723425-00373-2011.gz</t>
  </si>
  <si>
    <t>YAK</t>
  </si>
  <si>
    <t>727815-24237-2013.gz</t>
  </si>
  <si>
    <t>CHERRY HILL FIRE</t>
  </si>
  <si>
    <t>726881-94273-2007.gz</t>
  </si>
  <si>
    <t>ASSIST 6</t>
  </si>
  <si>
    <t>727684-99999-1996.gz</t>
  </si>
  <si>
    <t>NORTH LENOIR FIRE</t>
  </si>
  <si>
    <t>GOLF CENTER PY / I 10  10</t>
  </si>
  <si>
    <t>690150-93121-2007.gz</t>
  </si>
  <si>
    <t>DODD CITY GRASS FIRE</t>
  </si>
  <si>
    <t>722588-13926-2013.gz</t>
  </si>
  <si>
    <t>WES SCOFIELD STATE</t>
  </si>
  <si>
    <t>724700-93141-2009.gz</t>
  </si>
  <si>
    <t>PITTMAN</t>
  </si>
  <si>
    <t>722340-13865-2006.gz</t>
  </si>
  <si>
    <t>HESPERIA</t>
  </si>
  <si>
    <t>723825-23131-2006.gz</t>
  </si>
  <si>
    <t>724113-53881-2014.gz</t>
  </si>
  <si>
    <t>725156-14748-2008.gz</t>
  </si>
  <si>
    <t>723448-53934-2012.gz</t>
  </si>
  <si>
    <t>720406-99999-2010.gz</t>
  </si>
  <si>
    <t>723105-93833-1999.gz</t>
  </si>
  <si>
    <t>725524-94958-2007.gz</t>
  </si>
  <si>
    <t>PHEASANT</t>
  </si>
  <si>
    <t>721018-99999-2015.gz</t>
  </si>
  <si>
    <t>722159-12980-2008.gz</t>
  </si>
  <si>
    <t>725036-14757-2009.gz</t>
  </si>
  <si>
    <t xml:space="preserve">MORGAN                   </t>
  </si>
  <si>
    <t>724927-99999-1992.gz</t>
  </si>
  <si>
    <t>722144-04945-2007.gz</t>
  </si>
  <si>
    <t>TWO ANGELS</t>
  </si>
  <si>
    <t>725835-24119-2006.gz</t>
  </si>
  <si>
    <t>MIKE RAILE</t>
  </si>
  <si>
    <t>WHITES FERRY ROAD</t>
  </si>
  <si>
    <t>725130-14777-2014.gz</t>
  </si>
  <si>
    <t>NARROWS</t>
  </si>
  <si>
    <t>724870-03163-2012.gz</t>
  </si>
  <si>
    <t>727576-14916-1992.gz</t>
  </si>
  <si>
    <t>WEST CREEK</t>
  </si>
  <si>
    <t>724760-23066-2011.gz</t>
  </si>
  <si>
    <t>WESTERN</t>
  </si>
  <si>
    <t>PIPKIN2</t>
  </si>
  <si>
    <t>720601-00193-2011.gz</t>
  </si>
  <si>
    <t>A07354</t>
  </si>
  <si>
    <t>722055-12861-2009.gz</t>
  </si>
  <si>
    <t>722090-99999-1995.gz</t>
  </si>
  <si>
    <t>7766 ROGERS LN.</t>
  </si>
  <si>
    <t>723510-13966-2009.gz</t>
  </si>
  <si>
    <t>APACHE</t>
  </si>
  <si>
    <t>722688-93034-2011.gz</t>
  </si>
  <si>
    <t>FY2002-FRANKLIN-021</t>
  </si>
  <si>
    <t>MS0    0808-2400315008</t>
  </si>
  <si>
    <t>FY2013-HALL-006</t>
  </si>
  <si>
    <t>722185-53838-2012.gz</t>
  </si>
  <si>
    <t>MINGO RD</t>
  </si>
  <si>
    <t>RICE FIELD FIRE</t>
  </si>
  <si>
    <t>722147-53817-2010.gz</t>
  </si>
  <si>
    <t>725499-94991-2014.gz</t>
  </si>
  <si>
    <t>FY2001-MCINTOSH-073</t>
  </si>
  <si>
    <t>994380-99999-1999.gz</t>
  </si>
  <si>
    <t>TYNAN</t>
  </si>
  <si>
    <t>720391-00127-2011.gz</t>
  </si>
  <si>
    <t>FRESNAL</t>
  </si>
  <si>
    <t>722350-03940-1995.gz</t>
  </si>
  <si>
    <t>725290-14768-2005.gz</t>
  </si>
  <si>
    <t>SW CR 100A (04)</t>
  </si>
  <si>
    <t>749048-00415-2015.gz</t>
  </si>
  <si>
    <t>743700-99999-2001.gz</t>
  </si>
  <si>
    <t>FY2002-UPSON-095</t>
  </si>
  <si>
    <t>DUDLEY DRIVE</t>
  </si>
  <si>
    <t>723095-93719-2001.gz</t>
  </si>
  <si>
    <t>FY2015-POLK-003</t>
  </si>
  <si>
    <t>720714-00252-2014.gz</t>
  </si>
  <si>
    <t>998196-99999-2010.gz</t>
  </si>
  <si>
    <t>ANGUS</t>
  </si>
  <si>
    <t>JACKSON 2</t>
  </si>
  <si>
    <t>70TH (11)</t>
  </si>
  <si>
    <t>721041-99999-2015.gz</t>
  </si>
  <si>
    <t xml:space="preserve">RIVER BOTTOM #28         </t>
  </si>
  <si>
    <t>723895-99999-1993.gz</t>
  </si>
  <si>
    <t>FINLEY GULCH TRAILER</t>
  </si>
  <si>
    <t>727458-94919-2013.gz</t>
  </si>
  <si>
    <t>MATCHBOX</t>
  </si>
  <si>
    <t>SWR-20151017-003</t>
  </si>
  <si>
    <t>722230-13894-2015.gz</t>
  </si>
  <si>
    <t>SHE BEAR MOUNTAIN</t>
  </si>
  <si>
    <t>726654-99999-2002.gz</t>
  </si>
  <si>
    <t>NER-20120320-013</t>
  </si>
  <si>
    <t>722285-03896-2012.gz</t>
  </si>
  <si>
    <t>MISSAUKEE 08 - WEST FALMOUTH</t>
  </si>
  <si>
    <t>726380-94814-2012.gz</t>
  </si>
  <si>
    <t>722120-12833-1992.gz</t>
  </si>
  <si>
    <t>MUNN</t>
  </si>
  <si>
    <t>723663-99999-2003.gz</t>
  </si>
  <si>
    <t>725287-04724-2005.gz</t>
  </si>
  <si>
    <t>722720-93063-1992.gz</t>
  </si>
  <si>
    <t>HALLOWEEN</t>
  </si>
  <si>
    <t>726654-99999-1999.gz</t>
  </si>
  <si>
    <t>BARKER</t>
  </si>
  <si>
    <t>725175-64706-2012.gz</t>
  </si>
  <si>
    <t>INDIANA</t>
  </si>
  <si>
    <t>726667-99999-2002.gz</t>
  </si>
  <si>
    <t>MUDDY LAKE</t>
  </si>
  <si>
    <t>747950-12867-2007.gz</t>
  </si>
  <si>
    <t>B AND C FIRE</t>
  </si>
  <si>
    <t>726438-94994-2014.gz</t>
  </si>
  <si>
    <t>722193-03722-2007.gz</t>
  </si>
  <si>
    <t>NO NAME 160</t>
  </si>
  <si>
    <t>724815-23257-2006.gz</t>
  </si>
  <si>
    <t>FEMA PILE</t>
  </si>
  <si>
    <t>726517-99999-2003.gz</t>
  </si>
  <si>
    <t>25 days 00:00:00.000000000</t>
  </si>
  <si>
    <t>725784-99999-1993.gz</t>
  </si>
  <si>
    <t>BTA FIRE #2</t>
  </si>
  <si>
    <t>722107-03056-2009.gz</t>
  </si>
  <si>
    <t>724458-99999-1999.gz</t>
  </si>
  <si>
    <t>STAMPEDE</t>
  </si>
  <si>
    <t>727855-24114-2014.gz</t>
  </si>
  <si>
    <t>ML26</t>
  </si>
  <si>
    <t>726555-99999-2000.gz</t>
  </si>
  <si>
    <t>ASK FIRST</t>
  </si>
  <si>
    <t>747686-13820-2009.gz</t>
  </si>
  <si>
    <t>MICHELLES RIDGE</t>
  </si>
  <si>
    <t>722060-13889-1996.gz</t>
  </si>
  <si>
    <t>ITALIAN SPRINGS</t>
  </si>
  <si>
    <t>RL 049</t>
  </si>
  <si>
    <t>727550-14958-2013.gz</t>
  </si>
  <si>
    <t>GOLDEN FIRE</t>
  </si>
  <si>
    <t>727458-99999-1998.gz</t>
  </si>
  <si>
    <t>726079-99999-2003.gz</t>
  </si>
  <si>
    <t>722014-99999-2001.gz</t>
  </si>
  <si>
    <t>CANYON</t>
  </si>
  <si>
    <t>723660-23007-2010.gz</t>
  </si>
  <si>
    <t>724115-99999-2002.gz</t>
  </si>
  <si>
    <t>GRAHAM</t>
  </si>
  <si>
    <t>727515-04982-2015.gz</t>
  </si>
  <si>
    <t>ROAD</t>
  </si>
  <si>
    <t>725847-99999-1993.gz</t>
  </si>
  <si>
    <t>725700-99999-2003.gz</t>
  </si>
  <si>
    <t>WEST TOLAR</t>
  </si>
  <si>
    <t>722060-13889-1999.gz</t>
  </si>
  <si>
    <t>FY2001-ATKINSON-036</t>
  </si>
  <si>
    <t>MONTEREY</t>
  </si>
  <si>
    <t>723898-53119-2010.gz</t>
  </si>
  <si>
    <t>ANTONE</t>
  </si>
  <si>
    <t>47 days 00:00:00.000000000</t>
  </si>
  <si>
    <t>BLOCK D</t>
  </si>
  <si>
    <t>720491-00150-2015.gz</t>
  </si>
  <si>
    <t xml:space="preserve">SHAVER ST  SANJ 49       </t>
  </si>
  <si>
    <t>SNOWY</t>
  </si>
  <si>
    <t>727675-94011-2008.gz</t>
  </si>
  <si>
    <t>LITTLE CAT</t>
  </si>
  <si>
    <t>726884-24148-2014.gz</t>
  </si>
  <si>
    <t>WEST CANYON 2</t>
  </si>
  <si>
    <t>724796-94128-2003.gz</t>
  </si>
  <si>
    <t>GREASY CREEK</t>
  </si>
  <si>
    <t>PRATT SANDHILLS</t>
  </si>
  <si>
    <t>724506-13986-2008.gz</t>
  </si>
  <si>
    <t>720289-63836-2008.gz</t>
  </si>
  <si>
    <t>FY2011-MCDUFFIE-043</t>
  </si>
  <si>
    <t>720289-63836-2011.gz</t>
  </si>
  <si>
    <t>726574-99999-1995.gz</t>
  </si>
  <si>
    <t>FY2000-DODGE-130</t>
  </si>
  <si>
    <t>FY2011-BARTOW-044</t>
  </si>
  <si>
    <t>722156-53873-2011.gz</t>
  </si>
  <si>
    <t>FY2003-CARROLL-017</t>
  </si>
  <si>
    <t>14443 NE 84TH ST., IA</t>
  </si>
  <si>
    <t>725466-04938-2011.gz</t>
  </si>
  <si>
    <t>FY2012-OGLETHORPE-023</t>
  </si>
  <si>
    <t>723110-13873-2012.gz</t>
  </si>
  <si>
    <t>DOE CREEK</t>
  </si>
  <si>
    <t>725864-99999-2001.gz</t>
  </si>
  <si>
    <t>EAGLE POINT</t>
  </si>
  <si>
    <t>726503-54833-2009.gz</t>
  </si>
  <si>
    <t>724510-13985-1994.gz</t>
  </si>
  <si>
    <t>722319-53943-2012.gz</t>
  </si>
  <si>
    <t>726387-14850-2007.gz</t>
  </si>
  <si>
    <t>FY2001-EMANUEL-021</t>
  </si>
  <si>
    <t>724243-03849-2001.gz</t>
  </si>
  <si>
    <t>RIZZI</t>
  </si>
  <si>
    <t>MALPASS FIRE</t>
  </si>
  <si>
    <t>723066-13713-1998.gz</t>
  </si>
  <si>
    <t>TWIN OAK</t>
  </si>
  <si>
    <t>723177-99999-2001.gz</t>
  </si>
  <si>
    <t>A-10</t>
  </si>
  <si>
    <t>722508-99999-2002.gz</t>
  </si>
  <si>
    <t>724113-53881-2011.gz</t>
  </si>
  <si>
    <t>725283-00465-2015.gz</t>
  </si>
  <si>
    <t>MS1815</t>
  </si>
  <si>
    <t>727575-94925-1997.gz</t>
  </si>
  <si>
    <t>722636-93042-2006.gz</t>
  </si>
  <si>
    <t>724837-93216-2013.gz</t>
  </si>
  <si>
    <t xml:space="preserve">LOCAL                    </t>
  </si>
  <si>
    <t>723290-03935-2014.gz</t>
  </si>
  <si>
    <t>723307-53893-2012.gz</t>
  </si>
  <si>
    <t>ROCKY POINT ISLAND</t>
  </si>
  <si>
    <t>727566-99999-1996.gz</t>
  </si>
  <si>
    <t>725146-99999-2002.gz</t>
  </si>
  <si>
    <t>722869-99999-1993.gz</t>
  </si>
  <si>
    <t>EAST MEDICINE SPRINGS</t>
  </si>
  <si>
    <t>994650-99999-2002.gz</t>
  </si>
  <si>
    <t>SIGN CREEK</t>
  </si>
  <si>
    <t>726774-99999-2000.gz</t>
  </si>
  <si>
    <t>635 FM 1376</t>
  </si>
  <si>
    <t>RISBY</t>
  </si>
  <si>
    <t>722060-13889-1992.gz</t>
  </si>
  <si>
    <t>LOWE CREEK</t>
  </si>
  <si>
    <t>994240-99999-1995.gz</t>
  </si>
  <si>
    <t>722287-13871-2002.gz</t>
  </si>
  <si>
    <t>720277-63843-2007.gz</t>
  </si>
  <si>
    <t>726544-04958-2014.gz</t>
  </si>
  <si>
    <t>ROMAN</t>
  </si>
  <si>
    <t>743312-53925-2007.gz</t>
  </si>
  <si>
    <t>723418-13977-1992.gz</t>
  </si>
  <si>
    <t>725686-94057-2015.gz</t>
  </si>
  <si>
    <t>BRUSHY</t>
  </si>
  <si>
    <t>723445-93993-2007.gz</t>
  </si>
  <si>
    <t>HACHITA</t>
  </si>
  <si>
    <t>722725-99999-2001.gz</t>
  </si>
  <si>
    <t>JONES 2</t>
  </si>
  <si>
    <t>726837-24162-2013.gz</t>
  </si>
  <si>
    <t>2401 NEAR MIDKIFF</t>
  </si>
  <si>
    <t>722324-03071-2010.gz</t>
  </si>
  <si>
    <t>744994-99999-2001.gz</t>
  </si>
  <si>
    <t>725038-99999-2003.gz</t>
  </si>
  <si>
    <t>722270-13864-1996.gz</t>
  </si>
  <si>
    <t>724100-13733-1994.gz</t>
  </si>
  <si>
    <t>720603-00195-2011.gz</t>
  </si>
  <si>
    <t>GOLD STRIKE</t>
  </si>
  <si>
    <t>724920-23237-2009.gz</t>
  </si>
  <si>
    <t>722265-13821-2008.gz</t>
  </si>
  <si>
    <t>722666-99999-2005.gz</t>
  </si>
  <si>
    <t>11-148</t>
  </si>
  <si>
    <t>722159-12980-2011.gz</t>
  </si>
  <si>
    <t>725146-99999-2005.gz</t>
  </si>
  <si>
    <t>724100-13733-2009.gz</t>
  </si>
  <si>
    <t>720311-53962-2015.gz</t>
  </si>
  <si>
    <t xml:space="preserve">AKESIAN #2               </t>
  </si>
  <si>
    <t>723896-99999-2000.gz</t>
  </si>
  <si>
    <t>ALESSANDRO</t>
  </si>
  <si>
    <t>06-12-ANDERSON STREET FIRE-0882</t>
  </si>
  <si>
    <t>FY2011-TREUTLEN-103</t>
  </si>
  <si>
    <t>722134-63822-2011.gz</t>
  </si>
  <si>
    <t>POWDER HOUSE CANYON</t>
  </si>
  <si>
    <t>UNNAMED FIRE 0363</t>
  </si>
  <si>
    <t>722897-99999-1998.gz</t>
  </si>
  <si>
    <t>743312-53925-2008.gz</t>
  </si>
  <si>
    <t>11-0001941 OZONA TREE FIRE</t>
  </si>
  <si>
    <t>747460-03904-2011.gz</t>
  </si>
  <si>
    <t>722505-12904-2007.gz</t>
  </si>
  <si>
    <t>OTA 217</t>
  </si>
  <si>
    <t>722560-13959-2003.gz</t>
  </si>
  <si>
    <t>SABRE</t>
  </si>
  <si>
    <t>722071-53935-2006.gz</t>
  </si>
  <si>
    <t>BOAT DOCKS</t>
  </si>
  <si>
    <t>BRUSH VALLEY ROAD FIRE</t>
  </si>
  <si>
    <t>725124-64705-2015.gz</t>
  </si>
  <si>
    <t>722109-00355-2006.gz</t>
  </si>
  <si>
    <t>727474-99999-2002.gz</t>
  </si>
  <si>
    <t>MESQUITE</t>
  </si>
  <si>
    <t>746141-23141-2006.gz</t>
  </si>
  <si>
    <t>HERMON</t>
  </si>
  <si>
    <t>745058-23277-2010.gz</t>
  </si>
  <si>
    <t>COTTONWOOD CREEK</t>
  </si>
  <si>
    <t>727735-24139-2011.gz</t>
  </si>
  <si>
    <t>GULL LAKE</t>
  </si>
  <si>
    <t>WAYNE MEYER</t>
  </si>
  <si>
    <t>727466-04918-2011.gz</t>
  </si>
  <si>
    <t>TH1610</t>
  </si>
  <si>
    <t>HUFFMAN CK.</t>
  </si>
  <si>
    <t>723069-99999-1992.gz</t>
  </si>
  <si>
    <t>FIVE KIDS</t>
  </si>
  <si>
    <t>726517-94039-2008.gz</t>
  </si>
  <si>
    <t>723030-13714-1994.gz</t>
  </si>
  <si>
    <t>COMMAND</t>
  </si>
  <si>
    <t>PELICAN</t>
  </si>
  <si>
    <t>722178-53953-2008.gz</t>
  </si>
  <si>
    <t>725165-99999-1992.gz</t>
  </si>
  <si>
    <t xml:space="preserve">SIMMS FORK </t>
  </si>
  <si>
    <t>A06773-00334-2014.gz</t>
  </si>
  <si>
    <t>CRESTVIEW</t>
  </si>
  <si>
    <t>725867-24133-2007.gz</t>
  </si>
  <si>
    <t>OIL CREEK</t>
  </si>
  <si>
    <t>ASPEN</t>
  </si>
  <si>
    <t>720602-00194-2010.gz</t>
  </si>
  <si>
    <t xml:space="preserve">W FM 170 BRUSH FIRE </t>
  </si>
  <si>
    <t>721048-00471-2014.gz</t>
  </si>
  <si>
    <t>723419-93992-2012.gz</t>
  </si>
  <si>
    <t>722340-13865-1996.gz</t>
  </si>
  <si>
    <t>KING FIRE</t>
  </si>
  <si>
    <t>746929-99999-2004.gz</t>
  </si>
  <si>
    <t>CREEPING ALL AROUND</t>
  </si>
  <si>
    <t>723109-99999-2002.gz</t>
  </si>
  <si>
    <t>FY2001-LAURENS-078</t>
  </si>
  <si>
    <t>726627-94037-2003.gz</t>
  </si>
  <si>
    <t>3394 FM 2254</t>
  </si>
  <si>
    <t>LOOKOUT TOWER ROAD</t>
  </si>
  <si>
    <t>723445-93993-2010.gz</t>
  </si>
  <si>
    <t>CRANBERRY ROAD FIRE</t>
  </si>
  <si>
    <t>720378-00122-2015.gz</t>
  </si>
  <si>
    <t>HULL DRAW</t>
  </si>
  <si>
    <t>720969-00341-2012.gz</t>
  </si>
  <si>
    <t>722192-23033-2008.gz</t>
  </si>
  <si>
    <t>727457-99999-2000.gz</t>
  </si>
  <si>
    <t>722123-99999-1998.gz</t>
  </si>
  <si>
    <t>722880-23152-2010.gz</t>
  </si>
  <si>
    <t>722040-12838-2006.gz</t>
  </si>
  <si>
    <t>BLACK EGG</t>
  </si>
  <si>
    <t>POWERLINE FIRE(03)</t>
  </si>
  <si>
    <t>997352-99999-2014.gz</t>
  </si>
  <si>
    <t>BUNYAN POINT</t>
  </si>
  <si>
    <t>55 days 00:00:00.000000000</t>
  </si>
  <si>
    <t>727735-99999-2000.gz</t>
  </si>
  <si>
    <t>726578-99999-2001.gz</t>
  </si>
  <si>
    <t>ANGLE FIRE 3/22/14</t>
  </si>
  <si>
    <t>LAVA</t>
  </si>
  <si>
    <t xml:space="preserve">SANDERSON                </t>
  </si>
  <si>
    <t>722867-23156-1998.gz</t>
  </si>
  <si>
    <t>SHEKLUKSHU</t>
  </si>
  <si>
    <t>701718-99999-1997.gz</t>
  </si>
  <si>
    <t>727854-94119-2006.gz</t>
  </si>
  <si>
    <t>724100-13733-2006.gz</t>
  </si>
  <si>
    <t>STEAMBOAT</t>
  </si>
  <si>
    <t>726710-99999-1994.gz</t>
  </si>
  <si>
    <t>LIBBY SUPERFUND2</t>
  </si>
  <si>
    <t>500 SH 138</t>
  </si>
  <si>
    <t>722547-53942-2015.gz</t>
  </si>
  <si>
    <t>JIM</t>
  </si>
  <si>
    <t>NOT QUITE</t>
  </si>
  <si>
    <t>725621-94063-2010.gz</t>
  </si>
  <si>
    <t>OLSON</t>
  </si>
  <si>
    <t>MS0    0909-4200303003</t>
  </si>
  <si>
    <t>722178-53953-2009.gz</t>
  </si>
  <si>
    <t>723415-03962-2008.gz</t>
  </si>
  <si>
    <t>WOODEN TOWER</t>
  </si>
  <si>
    <t>ROCK CRUSHER</t>
  </si>
  <si>
    <t>723104-53867-2006.gz</t>
  </si>
  <si>
    <t>911780-99999-2003.gz</t>
  </si>
  <si>
    <t xml:space="preserve">VINE                     </t>
  </si>
  <si>
    <t>MOLLYS</t>
  </si>
  <si>
    <t>725755-99999-2000.gz</t>
  </si>
  <si>
    <t>CR 134</t>
  </si>
  <si>
    <t>722541-53914-2009.gz</t>
  </si>
  <si>
    <t>723415-99999-2001.gz</t>
  </si>
  <si>
    <t>WALNUT</t>
  </si>
  <si>
    <t>MURRY</t>
  </si>
  <si>
    <t>720314-93983-2014.gz</t>
  </si>
  <si>
    <t>NO NAME</t>
  </si>
  <si>
    <t>726625-99999-2001.gz</t>
  </si>
  <si>
    <t>725114-93778-2008.gz</t>
  </si>
  <si>
    <t>723090-13754-1994.gz</t>
  </si>
  <si>
    <t>1600 BLOCK OF HWY 84</t>
  </si>
  <si>
    <t>RL352</t>
  </si>
  <si>
    <t>747810-99999-2003.gz</t>
  </si>
  <si>
    <t>FY2011-CLAYTON-004</t>
  </si>
  <si>
    <t>722196-53863-2011.gz</t>
  </si>
  <si>
    <t>2 LAZY 2</t>
  </si>
  <si>
    <t>726764-94163-2010.gz</t>
  </si>
  <si>
    <t>720265-63833-2010.gz</t>
  </si>
  <si>
    <t>723566-93950-2002.gz</t>
  </si>
  <si>
    <t>0458 - 4001 GRINDSTONE</t>
  </si>
  <si>
    <t>720286-53977-2009.gz</t>
  </si>
  <si>
    <t>STRIKE</t>
  </si>
  <si>
    <t>722030-12844-2005.gz</t>
  </si>
  <si>
    <t>RL164</t>
  </si>
  <si>
    <t>727550-14958-2008.gz</t>
  </si>
  <si>
    <t>KEITH</t>
  </si>
  <si>
    <t>722748-99999-1992.gz</t>
  </si>
  <si>
    <t>722537-12961-2007.gz</t>
  </si>
  <si>
    <t>723436-53922-2012.gz</t>
  </si>
  <si>
    <t>592 COUNTY ROAD 3105</t>
  </si>
  <si>
    <t>722563-53952-2008.gz</t>
  </si>
  <si>
    <t xml:space="preserve">METZ                     </t>
  </si>
  <si>
    <t>LIBERTY CHURCH</t>
  </si>
  <si>
    <t>DRY FORK</t>
  </si>
  <si>
    <t xml:space="preserve">HOUGHTON IC TAC 3        </t>
  </si>
  <si>
    <t>724973-93203-2007.gz</t>
  </si>
  <si>
    <t>724080-13739-1997.gz</t>
  </si>
  <si>
    <t>723120-03870-2004.gz</t>
  </si>
  <si>
    <t>723840-23155-2004.gz</t>
  </si>
  <si>
    <t>KEMMER</t>
  </si>
  <si>
    <t>723250-03847-2009.gz</t>
  </si>
  <si>
    <t>CAMP</t>
  </si>
  <si>
    <t>725958-99999-1994.gz</t>
  </si>
  <si>
    <t>PEACH</t>
  </si>
  <si>
    <t>ADVANCE ROAD &amp; ADELL ROAD</t>
  </si>
  <si>
    <t>723604-23007-2008.gz</t>
  </si>
  <si>
    <t>724250-03860-2007.gz</t>
  </si>
  <si>
    <t>HOTTLE FIRE</t>
  </si>
  <si>
    <t>722173-53951-2011.gz</t>
  </si>
  <si>
    <t>725455-14931-2006.gz</t>
  </si>
  <si>
    <t>I.A. HORN MT.</t>
  </si>
  <si>
    <t>724056-99999-2000.gz</t>
  </si>
  <si>
    <t>QUAKY HAVENS</t>
  </si>
  <si>
    <t>724735-99999-2001.gz</t>
  </si>
  <si>
    <t>MURDICK FIRE</t>
  </si>
  <si>
    <t>724343-99999-2002.gz</t>
  </si>
  <si>
    <t>FY2001-PAULDING-032</t>
  </si>
  <si>
    <t>ROONEY HOLLOW</t>
  </si>
  <si>
    <t>COSTILLO</t>
  </si>
  <si>
    <t>SAW IT AT 3O'CLOCK</t>
  </si>
  <si>
    <t>LITTLE BEAVER</t>
  </si>
  <si>
    <t>722265-99999-2000.gz</t>
  </si>
  <si>
    <t>723115-53854-2011.gz</t>
  </si>
  <si>
    <t>FY2001-MONROE-029</t>
  </si>
  <si>
    <t>722130-13861-2010.gz</t>
  </si>
  <si>
    <t>HWY 99 / CR 27, AL</t>
  </si>
  <si>
    <t>722300-53864-2011.gz</t>
  </si>
  <si>
    <t>STATEHOUSE JR.</t>
  </si>
  <si>
    <t>FY2012-MCDUFFIE-029</t>
  </si>
  <si>
    <t>720289-63836-2012.gz</t>
  </si>
  <si>
    <t>FY2002-POLK-063</t>
  </si>
  <si>
    <t>BAKERSFIELD</t>
  </si>
  <si>
    <t>FM 490 RD./PATTERSON RNCH.</t>
  </si>
  <si>
    <t>720276-12983-2009.gz</t>
  </si>
  <si>
    <t>FY2011-WHEELER-066</t>
  </si>
  <si>
    <t>DEERHORN</t>
  </si>
  <si>
    <t>723762-93244-2009.gz</t>
  </si>
  <si>
    <t>FY2002-BARTOW-049</t>
  </si>
  <si>
    <t>MORGAN</t>
  </si>
  <si>
    <t>DOG TOWN 1</t>
  </si>
  <si>
    <t>724920-23237-2001.gz</t>
  </si>
  <si>
    <t xml:space="preserve">CARDOSA                  </t>
  </si>
  <si>
    <t>724810-23203-1993.gz</t>
  </si>
  <si>
    <t>726627-94037-2007.gz</t>
  </si>
  <si>
    <t>722340-13865-2012.gz</t>
  </si>
  <si>
    <t>ALKALI</t>
  </si>
  <si>
    <t>FY2012-BEN HILL-032</t>
  </si>
  <si>
    <t>720962-00337-2012.gz</t>
  </si>
  <si>
    <t>SAWMILL</t>
  </si>
  <si>
    <t>108 days 00:00:00.000000000</t>
  </si>
  <si>
    <t>727735-24139-2007.gz</t>
  </si>
  <si>
    <t>GOOSE 2</t>
  </si>
  <si>
    <t>WINTERBOTHUM 4 SECTION</t>
  </si>
  <si>
    <t>723628-93942-2009.gz</t>
  </si>
  <si>
    <t>725156-14748-2014.gz</t>
  </si>
  <si>
    <t>723035-93740-2008.gz</t>
  </si>
  <si>
    <t>LOST PRAIRIE NORTH</t>
  </si>
  <si>
    <t>722156-53873-2010.gz</t>
  </si>
  <si>
    <t>724236-03889-2007.gz</t>
  </si>
  <si>
    <t>DAM</t>
  </si>
  <si>
    <t>FIRE K</t>
  </si>
  <si>
    <t>722577-93984-2015.gz</t>
  </si>
  <si>
    <t>KORNEGAY FIRE</t>
  </si>
  <si>
    <t>723066-13713-1997.gz</t>
  </si>
  <si>
    <t>RAMER SELMER RD</t>
  </si>
  <si>
    <t>723346-03811-2015.gz</t>
  </si>
  <si>
    <t>722587-99999-1996.gz</t>
  </si>
  <si>
    <t>726487-99999-2001.gz</t>
  </si>
  <si>
    <t>CHIHUAHUA STREET</t>
  </si>
  <si>
    <t>ABRAMS VIEWS</t>
  </si>
  <si>
    <t>723260-13891-2012.gz</t>
  </si>
  <si>
    <t>HOEFER FIRE</t>
  </si>
  <si>
    <t>726836-04201-2014.gz</t>
  </si>
  <si>
    <t>723440-13964-2000.gz</t>
  </si>
  <si>
    <t>COPPER</t>
  </si>
  <si>
    <t>722730-99999-2002.gz</t>
  </si>
  <si>
    <t>UNITY</t>
  </si>
  <si>
    <t>722120-12833-1996.gz</t>
  </si>
  <si>
    <t>I 215  N/ VAN BUREN BL OF</t>
  </si>
  <si>
    <t>722312-99999-2004.gz</t>
  </si>
  <si>
    <t>FY2002-WILCOX-045</t>
  </si>
  <si>
    <t>RUBBER PILE</t>
  </si>
  <si>
    <t>691324-99999-1997.gz</t>
  </si>
  <si>
    <t>726514-94032-2008.gz</t>
  </si>
  <si>
    <t xml:space="preserve">GUINDA                   </t>
  </si>
  <si>
    <t>724839-93225-1993.gz</t>
  </si>
  <si>
    <t>720979-99999-2014.gz</t>
  </si>
  <si>
    <t>FATHERS DAY</t>
  </si>
  <si>
    <t>725686-94057-2012.gz</t>
  </si>
  <si>
    <t xml:space="preserve">I 8 RAMP  / DUNBAR LN 6  </t>
  </si>
  <si>
    <t>726228-99999-2001.gz</t>
  </si>
  <si>
    <t>720299-53966-2008.gz</t>
  </si>
  <si>
    <t>BLIND FIRE</t>
  </si>
  <si>
    <t>FY2002-FLOYD-016</t>
  </si>
  <si>
    <t>SWR-20141101-001</t>
  </si>
  <si>
    <t>722230-13894-2014.gz</t>
  </si>
  <si>
    <t>LIMEKILN</t>
  </si>
  <si>
    <t>726776-24036-1995.gz</t>
  </si>
  <si>
    <t>747810-13857-2007.gz</t>
  </si>
  <si>
    <t xml:space="preserve">IRON PEAK LIGHTNING 2    </t>
  </si>
  <si>
    <t>723115-99999-2003.gz</t>
  </si>
  <si>
    <t>722285-03896-2010.gz</t>
  </si>
  <si>
    <t>BEELICK RUN</t>
  </si>
  <si>
    <t>JONES RD. 1</t>
  </si>
  <si>
    <t>727810-24243-2010.gz</t>
  </si>
  <si>
    <t>FY2001-CLINCH-039</t>
  </si>
  <si>
    <t>OREGON</t>
  </si>
  <si>
    <t>724837-93216-1999.gz</t>
  </si>
  <si>
    <t>DIXIE MTN SLASH</t>
  </si>
  <si>
    <t>726836-04201-2010.gz</t>
  </si>
  <si>
    <t>CUTOFF</t>
  </si>
  <si>
    <t>SOUTH TRAIL II</t>
  </si>
  <si>
    <t>726884-99999-2000.gz</t>
  </si>
  <si>
    <t>LITTLE NEW MEXICO</t>
  </si>
  <si>
    <t>723446-13971-2000.gz</t>
  </si>
  <si>
    <t>ROCKWELL SPRING</t>
  </si>
  <si>
    <t>724767-99999-1997.gz</t>
  </si>
  <si>
    <t>POST MOUNTAIN</t>
  </si>
  <si>
    <t>722178-53953-2013.gz</t>
  </si>
  <si>
    <t>OLD STAGE RD., AL</t>
  </si>
  <si>
    <t>SHAM SANDERS</t>
  </si>
  <si>
    <t>NORTH ROCK CREEK</t>
  </si>
  <si>
    <t>727680-94008-2014.gz</t>
  </si>
  <si>
    <t>722354-13927-2012.gz</t>
  </si>
  <si>
    <t>FY2013-LANIER-009</t>
  </si>
  <si>
    <t>723105-03858-2007.gz</t>
  </si>
  <si>
    <t>724220-93820-2008.gz</t>
  </si>
  <si>
    <t>725715-99999-1994.gz</t>
  </si>
  <si>
    <t xml:space="preserve">S CEDAR AV  CARUTHERS 8  </t>
  </si>
  <si>
    <t>MARK HULS</t>
  </si>
  <si>
    <t>726545-99999-2002.gz</t>
  </si>
  <si>
    <t>TIGER CREEK</t>
  </si>
  <si>
    <t>WEATHERLY FIRE</t>
  </si>
  <si>
    <t>723630-23047-2003.gz</t>
  </si>
  <si>
    <t>725146-54773-2008.gz</t>
  </si>
  <si>
    <t>727455-94931-2012.gz</t>
  </si>
  <si>
    <t>722092-53941-2009.gz</t>
  </si>
  <si>
    <t>722268-93843-1997.gz</t>
  </si>
  <si>
    <t>#7149</t>
  </si>
  <si>
    <t>724056-63805-2006.gz</t>
  </si>
  <si>
    <t>723677-23054-2003.gz</t>
  </si>
  <si>
    <t>MS0    1010-5320127001</t>
  </si>
  <si>
    <t>722499-53948-2013.gz</t>
  </si>
  <si>
    <t>EGRET</t>
  </si>
  <si>
    <t xml:space="preserve">VANCE #1                 </t>
  </si>
  <si>
    <t>723890-93193-1993.gz</t>
  </si>
  <si>
    <t>MS0    1111-5150321008</t>
  </si>
  <si>
    <t>720787-00278-2011.gz</t>
  </si>
  <si>
    <t>TESHUTI 1</t>
  </si>
  <si>
    <t>SALVAGE</t>
  </si>
  <si>
    <t>722122-03050-2008.gz</t>
  </si>
  <si>
    <t>TATTON FIRE #2</t>
  </si>
  <si>
    <t>722524-12972-2009.gz</t>
  </si>
  <si>
    <t>724090-14780-1993.gz</t>
  </si>
  <si>
    <t>R3</t>
  </si>
  <si>
    <t>SQUAW MTN.</t>
  </si>
  <si>
    <t>726404-99999-2005.gz</t>
  </si>
  <si>
    <t>722359-13978-2007.gz</t>
  </si>
  <si>
    <t>724058-99999-1999.gz</t>
  </si>
  <si>
    <t>WOLFNAME</t>
  </si>
  <si>
    <t>MS0    1111-3620219005</t>
  </si>
  <si>
    <t>722354-13927-2011.gz</t>
  </si>
  <si>
    <t>SPARL PLUG</t>
  </si>
  <si>
    <t>727573-94928-2015.gz</t>
  </si>
  <si>
    <t>FY2000-WARE-122</t>
  </si>
  <si>
    <t>725453-14930-2014.gz</t>
  </si>
  <si>
    <t>GONZALES</t>
  </si>
  <si>
    <t>726170-14742-2003.gz</t>
  </si>
  <si>
    <t>ROCKPIT (39)</t>
  </si>
  <si>
    <t>722444-99999-2002.gz</t>
  </si>
  <si>
    <t>JEFF THOMAS</t>
  </si>
  <si>
    <t>720943-00431-2012.gz</t>
  </si>
  <si>
    <t>723448-99999-1999.gz</t>
  </si>
  <si>
    <t>CR 2546 &amp;ALICE CR</t>
  </si>
  <si>
    <t>722188-53985-2014.gz</t>
  </si>
  <si>
    <t>723109-99999-1999.gz</t>
  </si>
  <si>
    <t>726514-99999-2004.gz</t>
  </si>
  <si>
    <t xml:space="preserve">SKYWAY IC WHITE 2        </t>
  </si>
  <si>
    <t>BECKY</t>
  </si>
  <si>
    <t>724860-23154-2000.gz</t>
  </si>
  <si>
    <t>723415-99999-1998.gz</t>
  </si>
  <si>
    <t>725955-24259-2007.gz</t>
  </si>
  <si>
    <t>14-088</t>
  </si>
  <si>
    <t>720965-13910-2014.gz</t>
  </si>
  <si>
    <t>FY2014-RICHMOND-007</t>
  </si>
  <si>
    <t>722181-13837-2013.gz</t>
  </si>
  <si>
    <t>NEWLIN TREES</t>
  </si>
  <si>
    <t>722486-13942-2004.gz</t>
  </si>
  <si>
    <t>FY2001-IRWIN-033</t>
  </si>
  <si>
    <t>720604-00196-2014.gz</t>
  </si>
  <si>
    <t>725036-14757-2015.gz</t>
  </si>
  <si>
    <t>723340-13893-2014.gz</t>
  </si>
  <si>
    <t>FRONTIER DR  JACKSON_CI 2</t>
  </si>
  <si>
    <t>724833-23206-2007.gz</t>
  </si>
  <si>
    <t>722062-63842-2008.gz</t>
  </si>
  <si>
    <t>EAST FORK FLORAS CREEK</t>
  </si>
  <si>
    <t>994240-99999-2008.gz</t>
  </si>
  <si>
    <t>EAST</t>
  </si>
  <si>
    <t>HORSE FENCE</t>
  </si>
  <si>
    <t>AXON ROAD</t>
  </si>
  <si>
    <t>724125-99999-1997.gz</t>
  </si>
  <si>
    <t>IOWA</t>
  </si>
  <si>
    <t>997270-99999-2008.gz</t>
  </si>
  <si>
    <t>LAIDLOW</t>
  </si>
  <si>
    <t>727833-99999-1998.gz</t>
  </si>
  <si>
    <t>722103-99999-1994.gz</t>
  </si>
  <si>
    <t>HOFF WHEAT FIELD FIRE</t>
  </si>
  <si>
    <t>720895-99999-2015.gz</t>
  </si>
  <si>
    <t>FY2011-GLYNN-028</t>
  </si>
  <si>
    <t>723556-99999-1999.gz</t>
  </si>
  <si>
    <t>LIMON GAUGE ROAD</t>
  </si>
  <si>
    <t xml:space="preserve">WARREN                   </t>
  </si>
  <si>
    <t>724920-23237-1996.gz</t>
  </si>
  <si>
    <t>727497-04984-2008.gz</t>
  </si>
  <si>
    <t>726077-99999-2005.gz</t>
  </si>
  <si>
    <t>LEFT FORK BEN CREEK</t>
  </si>
  <si>
    <t>RL522</t>
  </si>
  <si>
    <t>720613-00204-2010.gz</t>
  </si>
  <si>
    <t>MILEPOST 7</t>
  </si>
  <si>
    <t>722745-23109-2013.gz</t>
  </si>
  <si>
    <t>FLAT MOUNTAIN</t>
  </si>
  <si>
    <t>ALDERS</t>
  </si>
  <si>
    <t>722747-99999-2002.gz</t>
  </si>
  <si>
    <t>998171-99999-2010.gz</t>
  </si>
  <si>
    <t>SAN FELIPE</t>
  </si>
  <si>
    <t>745056-53120-2011.gz</t>
  </si>
  <si>
    <t>724237-99999-1999.gz</t>
  </si>
  <si>
    <t>722265-99999-2001.gz</t>
  </si>
  <si>
    <t>722268-93843-1999.gz</t>
  </si>
  <si>
    <t>CO RD 20, AL</t>
  </si>
  <si>
    <t>724190-03889-2010.gz</t>
  </si>
  <si>
    <t>722447-53903-2008.gz</t>
  </si>
  <si>
    <t>723415-03962-2010.gz</t>
  </si>
  <si>
    <t>55-MM 7</t>
  </si>
  <si>
    <t>722683-99999-2005.gz</t>
  </si>
  <si>
    <t>722275-53843-2007.gz</t>
  </si>
  <si>
    <t>725475-04953-2009.gz</t>
  </si>
  <si>
    <t>PRESTON</t>
  </si>
  <si>
    <t>727825-99999-1996.gz</t>
  </si>
  <si>
    <t>722255-93842-1994.gz</t>
  </si>
  <si>
    <t>FY2012-PEACH-016</t>
  </si>
  <si>
    <t>722175-13860-2012.gz</t>
  </si>
  <si>
    <t>725287-04724-2008.gz</t>
  </si>
  <si>
    <t>742071-99999-2006.gz</t>
  </si>
  <si>
    <t xml:space="preserve">FKU-17861                </t>
  </si>
  <si>
    <t>724450-03945-1992.gz</t>
  </si>
  <si>
    <t>FATHER'S DAY 03</t>
  </si>
  <si>
    <t>747946-99999-2003.gz</t>
  </si>
  <si>
    <t>TH1515</t>
  </si>
  <si>
    <t>GEORGE</t>
  </si>
  <si>
    <t>EAST POINT</t>
  </si>
  <si>
    <t>727890-94197-2010.gz</t>
  </si>
  <si>
    <t>725180-14735-2004.gz</t>
  </si>
  <si>
    <t>994750-99999-2004.gz</t>
  </si>
  <si>
    <t>723400-99999-2001.gz</t>
  </si>
  <si>
    <t>FY2001-TAYLOR-006</t>
  </si>
  <si>
    <t>747186-99999-2001.gz</t>
  </si>
  <si>
    <t>HARDY GRAHAM</t>
  </si>
  <si>
    <t>723069-99999-2003.gz</t>
  </si>
  <si>
    <t>LIL TEXAS FIRE</t>
  </si>
  <si>
    <t>723145-03810-1996.gz</t>
  </si>
  <si>
    <t>COUNTY LINE RD/CR-Z</t>
  </si>
  <si>
    <t>720313-03052-2009.gz</t>
  </si>
  <si>
    <t>HOYT</t>
  </si>
  <si>
    <t>722215-13884-2004.gz</t>
  </si>
  <si>
    <t>BEAR CREEK</t>
  </si>
  <si>
    <t>OAK 38</t>
  </si>
  <si>
    <t>LENNY</t>
  </si>
  <si>
    <t>727640-24011-1998.gz</t>
  </si>
  <si>
    <t>722540-13904-2008.gz</t>
  </si>
  <si>
    <t>POOLVILLE FIRE</t>
  </si>
  <si>
    <t>722594-99999-1996.gz</t>
  </si>
  <si>
    <t>FY2003-POLK-016</t>
  </si>
  <si>
    <t>723143-99999-1993.gz</t>
  </si>
  <si>
    <t>BOWL CREEK</t>
  </si>
  <si>
    <t>FY2000-BROOKS-194</t>
  </si>
  <si>
    <t xml:space="preserve">EAST AV  BALLICO         </t>
  </si>
  <si>
    <t>724810-23203-2009.gz</t>
  </si>
  <si>
    <t>723124-99999-2002.gz</t>
  </si>
  <si>
    <t>723118-53850-2015.gz</t>
  </si>
  <si>
    <t>724104-99999-2001.gz</t>
  </si>
  <si>
    <t>723415-99999-2000.gz</t>
  </si>
  <si>
    <t>ISHKOTEN</t>
  </si>
  <si>
    <t>724373-03868-2007.gz</t>
  </si>
  <si>
    <t>UPPER ROSS</t>
  </si>
  <si>
    <t>FISH LAKE</t>
  </si>
  <si>
    <t>39 days 00:00:00.000000000</t>
  </si>
  <si>
    <t>727790-24146-2000.gz</t>
  </si>
  <si>
    <t>722212-92814-2009.gz</t>
  </si>
  <si>
    <t>FY2014-LONG-003</t>
  </si>
  <si>
    <t>720671-00248-2014.gz</t>
  </si>
  <si>
    <t>722029-99999-1997.gz</t>
  </si>
  <si>
    <t>722354-13927-2015.gz</t>
  </si>
  <si>
    <t>722300-53864-2005.gz</t>
  </si>
  <si>
    <t>720397-00131-2010.gz</t>
  </si>
  <si>
    <t>722212-99999-2000.gz</t>
  </si>
  <si>
    <t>722235-13838-2007.gz</t>
  </si>
  <si>
    <t>CHARLES</t>
  </si>
  <si>
    <t>722860-23119-2013.gz</t>
  </si>
  <si>
    <t>726679-04969-2015.gz</t>
  </si>
  <si>
    <t>FY2001-MUSCOGEE-003</t>
  </si>
  <si>
    <t>726064-99999-1996.gz</t>
  </si>
  <si>
    <t>BEATEY RESIDENT</t>
  </si>
  <si>
    <t>MAUI</t>
  </si>
  <si>
    <t>723435-53921-2005.gz</t>
  </si>
  <si>
    <t>GREENER PASTURE  (06)</t>
  </si>
  <si>
    <t>722011-92813-2011.gz</t>
  </si>
  <si>
    <t>MS0    1010-4240402007</t>
  </si>
  <si>
    <t>747685-93874-2010.gz</t>
  </si>
  <si>
    <t>2750 OLD IDA RD</t>
  </si>
  <si>
    <t>720287-53967-2010.gz</t>
  </si>
  <si>
    <t>MARPLE</t>
  </si>
  <si>
    <t>LD2204</t>
  </si>
  <si>
    <t>FY2002-DECATUR-058</t>
  </si>
  <si>
    <t>726467-99999-1998.gz</t>
  </si>
  <si>
    <t>723124-53874-2011.gz</t>
  </si>
  <si>
    <t>FY2011-LONG-080</t>
  </si>
  <si>
    <t>722090-03875-2011.gz</t>
  </si>
  <si>
    <t>GOODE1</t>
  </si>
  <si>
    <t>724502-99999-1999.gz</t>
  </si>
  <si>
    <t>MS0    0909-1020211009</t>
  </si>
  <si>
    <t>FY2001-BLECKLEY-048</t>
  </si>
  <si>
    <t>AARONS CREEK</t>
  </si>
  <si>
    <t>101-4</t>
  </si>
  <si>
    <t>727970-94240-1996.gz</t>
  </si>
  <si>
    <t>CLINE BRANCH</t>
  </si>
  <si>
    <t>ECR-20150121-002</t>
  </si>
  <si>
    <t>720265-63833-2014.gz</t>
  </si>
  <si>
    <t>723193-93807-2008.gz</t>
  </si>
  <si>
    <t>722786-23104-1992.gz</t>
  </si>
  <si>
    <t>9540 CR 2400</t>
  </si>
  <si>
    <t>726196-14610-2001.gz</t>
  </si>
  <si>
    <t>SPROUL FIRE</t>
  </si>
  <si>
    <t>725474-99999-2005.gz</t>
  </si>
  <si>
    <t xml:space="preserve">TARPENING                </t>
  </si>
  <si>
    <t>723897-23167-1996.gz</t>
  </si>
  <si>
    <t>722429-99999-1999.gz</t>
  </si>
  <si>
    <t>SHILOH RD</t>
  </si>
  <si>
    <t>723443-99999-2001.gz</t>
  </si>
  <si>
    <t>746925-03741-2009.gz</t>
  </si>
  <si>
    <t>722290-03881-1994.gz</t>
  </si>
  <si>
    <t>23/CAPE FIRE-0439</t>
  </si>
  <si>
    <t>OUTDOORSMAN FIRE</t>
  </si>
  <si>
    <t>723177-63807-2011.gz</t>
  </si>
  <si>
    <t>725086-54734-2012.gz</t>
  </si>
  <si>
    <t>722062-63842-2009.gz</t>
  </si>
  <si>
    <t>UTAH HILL</t>
  </si>
  <si>
    <t>724846-99999-2005.gz</t>
  </si>
  <si>
    <t>PARLIER RAOD</t>
  </si>
  <si>
    <t>TWYLA JANE LN / HARLEY JO</t>
  </si>
  <si>
    <t>722860-23119-2012.gz</t>
  </si>
  <si>
    <t>HENDERSON - 120</t>
  </si>
  <si>
    <t>SONOMA</t>
  </si>
  <si>
    <t>CARPENTER MOUNTAIN</t>
  </si>
  <si>
    <t>LIGHTER FIRE</t>
  </si>
  <si>
    <t>726881-99999-2002.gz</t>
  </si>
  <si>
    <t>9290-SOUTH</t>
  </si>
  <si>
    <t>CADDO</t>
  </si>
  <si>
    <t>MARCELL</t>
  </si>
  <si>
    <t>727468-04928-2007.gz</t>
  </si>
  <si>
    <t>177TH RD (61)</t>
  </si>
  <si>
    <t>FY2002-EARLY-051</t>
  </si>
  <si>
    <t>722268-99999-2002.gz</t>
  </si>
  <si>
    <t>747040-99999-2004.gz</t>
  </si>
  <si>
    <t>PARK ROAD 33 FIRE</t>
  </si>
  <si>
    <t>ILLEGAL BURNING</t>
  </si>
  <si>
    <t>722159-12980-2013.gz</t>
  </si>
  <si>
    <t>TRACT5-F14</t>
  </si>
  <si>
    <t>FY2001-DODGE-169</t>
  </si>
  <si>
    <t>FILLY</t>
  </si>
  <si>
    <t xml:space="preserve">HWY 101 #6               </t>
  </si>
  <si>
    <t>723900-93226-2000.gz</t>
  </si>
  <si>
    <t>725564-04924-2007.gz</t>
  </si>
  <si>
    <t>720261-53976-2007.gz</t>
  </si>
  <si>
    <t>NIAKOGON MOUNTAIN</t>
  </si>
  <si>
    <t>104 days 00:00:00.000000000</t>
  </si>
  <si>
    <t>BORDER PNF 04-02</t>
  </si>
  <si>
    <t>17 days 00:00:00.000000000</t>
  </si>
  <si>
    <t>TONEY BUTTE</t>
  </si>
  <si>
    <t>BATTLE</t>
  </si>
  <si>
    <t>725835-24119-2005.gz</t>
  </si>
  <si>
    <t>720541-53806-2015.gz</t>
  </si>
  <si>
    <t>TIPTON</t>
  </si>
  <si>
    <t>HILL STREET FIRE</t>
  </si>
  <si>
    <t>720578-00176-2012.gz</t>
  </si>
  <si>
    <t>726225-64776-2007.gz</t>
  </si>
  <si>
    <t>31197 HWY 431, AL</t>
  </si>
  <si>
    <t>720376-63880-2011.gz</t>
  </si>
  <si>
    <t>HOG RUN</t>
  </si>
  <si>
    <t xml:space="preserve">SCHION                   </t>
  </si>
  <si>
    <t>724950-23250-1995.gz</t>
  </si>
  <si>
    <t>720268-53882-2008.gz</t>
  </si>
  <si>
    <t>LONGROCK</t>
  </si>
  <si>
    <t>725945-24283-2001.gz</t>
  </si>
  <si>
    <t xml:space="preserve">FLOWERS                  </t>
  </si>
  <si>
    <t>725185-14750-2010.gz</t>
  </si>
  <si>
    <t>19163 CR 220</t>
  </si>
  <si>
    <t>GOOSE LAKE SUBSTATIO</t>
  </si>
  <si>
    <t>727890-94197-2011.gz</t>
  </si>
  <si>
    <t xml:space="preserve">LOPEZ                    </t>
  </si>
  <si>
    <t>OAKS</t>
  </si>
  <si>
    <t>TOPAUM</t>
  </si>
  <si>
    <t>723525-93986-2005.gz</t>
  </si>
  <si>
    <t>723124-99999-2004.gz</t>
  </si>
  <si>
    <t>726685-94052-2007.gz</t>
  </si>
  <si>
    <t>REVEL</t>
  </si>
  <si>
    <t>722188-53985-2010.gz</t>
  </si>
  <si>
    <t>725566-04957-2010.gz</t>
  </si>
  <si>
    <t>SODA VALLEY</t>
  </si>
  <si>
    <t>726876-00387-2007.gz</t>
  </si>
  <si>
    <t>EMIGRATION I</t>
  </si>
  <si>
    <t>725868-99999-2000.gz</t>
  </si>
  <si>
    <t>720932-00317-2013.gz</t>
  </si>
  <si>
    <t>RIM FIRE</t>
  </si>
  <si>
    <t>994260-99999-1992.gz</t>
  </si>
  <si>
    <t>722230-13894-1995.gz</t>
  </si>
  <si>
    <t>REDWOOD HWY 37409</t>
  </si>
  <si>
    <t>725985-24267-2008.gz</t>
  </si>
  <si>
    <t>192ND ROAD (61)</t>
  </si>
  <si>
    <t>722224-53862-2013.gz</t>
  </si>
  <si>
    <t>723079-93796-2007.gz</t>
  </si>
  <si>
    <t>725290-14768-2015.gz</t>
  </si>
  <si>
    <t>722103-99999-1999.gz</t>
  </si>
  <si>
    <t>745431-03998-2014.gz</t>
  </si>
  <si>
    <t>723307-99999-1995.gz</t>
  </si>
  <si>
    <t>SWIM HOLE RD #2</t>
  </si>
  <si>
    <t>723013-13748-2004.gz</t>
  </si>
  <si>
    <t>LAKE POINT RD (32)</t>
  </si>
  <si>
    <t>747760-03818-2015.gz</t>
  </si>
  <si>
    <t>FIRST CANYON</t>
  </si>
  <si>
    <t>724700-93141-2006.gz</t>
  </si>
  <si>
    <t>722090-99999-2004.gz</t>
  </si>
  <si>
    <t>EMPTY</t>
  </si>
  <si>
    <t>727453-94967-2014.gz</t>
  </si>
  <si>
    <t>DRY POND</t>
  </si>
  <si>
    <t>723156-99999-2003.gz</t>
  </si>
  <si>
    <t>S.HUBBUTTE</t>
  </si>
  <si>
    <t>725866-99999-1995.gz</t>
  </si>
  <si>
    <t>FLETCHER RD</t>
  </si>
  <si>
    <t>723307-99999-1993.gz</t>
  </si>
  <si>
    <t>POWERLINE</t>
  </si>
  <si>
    <t>723100-13883-2001.gz</t>
  </si>
  <si>
    <t>DIMPLE RD.</t>
  </si>
  <si>
    <t>746716-93808-2014.gz</t>
  </si>
  <si>
    <t>FY2001-CLINCH-008</t>
  </si>
  <si>
    <t>STABLE</t>
  </si>
  <si>
    <t>724880-23185-2008.gz</t>
  </si>
  <si>
    <t>722359-13978-1998.gz</t>
  </si>
  <si>
    <t>994410-99999-1994.gz</t>
  </si>
  <si>
    <t>POWERLINE ROW</t>
  </si>
  <si>
    <t>747750-13846-1997.gz</t>
  </si>
  <si>
    <t>MM-162</t>
  </si>
  <si>
    <t>COMET FIRE</t>
  </si>
  <si>
    <t>722320-12884-2009.gz</t>
  </si>
  <si>
    <t>722250-13829-2009.gz</t>
  </si>
  <si>
    <t>WILDHORSE #2</t>
  </si>
  <si>
    <t>722867-23156-1995.gz</t>
  </si>
  <si>
    <t>723307-53893-2013.gz</t>
  </si>
  <si>
    <t>724550-13947-2015.gz</t>
  </si>
  <si>
    <t>725235-04720-2010.gz</t>
  </si>
  <si>
    <t>727444-99999-2000.gz</t>
  </si>
  <si>
    <t>GRASS FIRE FM 205</t>
  </si>
  <si>
    <t>722600-03969-2011.gz</t>
  </si>
  <si>
    <t>CORBETT  FIRE</t>
  </si>
  <si>
    <t>722030-12844-2001.gz</t>
  </si>
  <si>
    <t>722448-13972-2007.gz</t>
  </si>
  <si>
    <t>ARNOLD FIRE</t>
  </si>
  <si>
    <t>722570-03933-2011.gz</t>
  </si>
  <si>
    <t>ELLIS</t>
  </si>
  <si>
    <t>PARK</t>
  </si>
  <si>
    <t>MUTUAL AID</t>
  </si>
  <si>
    <t>722553-53928-2010.gz</t>
  </si>
  <si>
    <t>723417-93988-2007.gz</t>
  </si>
  <si>
    <t>BLUE RIDGE</t>
  </si>
  <si>
    <t>725140-14778-2005.gz</t>
  </si>
  <si>
    <t>CRAZY WOMEN</t>
  </si>
  <si>
    <t>722093-04878-2008.gz</t>
  </si>
  <si>
    <t>725180-14735-2000.gz</t>
  </si>
  <si>
    <t>LINDEN - 634</t>
  </si>
  <si>
    <t>722470-03901-2011.gz</t>
  </si>
  <si>
    <t>FY2011-CANDLER-057</t>
  </si>
  <si>
    <t>722691-00366-2011.gz</t>
  </si>
  <si>
    <t>FY2011-WORTH-055</t>
  </si>
  <si>
    <t>722160-13869-2011.gz</t>
  </si>
  <si>
    <t>747950-99999-2000.gz</t>
  </si>
  <si>
    <t>SE 16 AVE(01)</t>
  </si>
  <si>
    <t>747560-12816-2012.gz</t>
  </si>
  <si>
    <t>723035-93740-2007.gz</t>
  </si>
  <si>
    <t>722286-93806-1998.gz</t>
  </si>
  <si>
    <t>MOUNT RUN</t>
  </si>
  <si>
    <t>MS0    1111-5430507003</t>
  </si>
  <si>
    <t>722357-03961-2011.gz</t>
  </si>
  <si>
    <t>RL268</t>
  </si>
  <si>
    <t>727486-04983-2006.gz</t>
  </si>
  <si>
    <t>GETTINGS</t>
  </si>
  <si>
    <t>EASTLAND RD 8646</t>
  </si>
  <si>
    <t>723265-03847-2009.gz</t>
  </si>
  <si>
    <t>722429-99999-2005.gz</t>
  </si>
  <si>
    <t>RL 024</t>
  </si>
  <si>
    <t>727550-14958-2015.gz</t>
  </si>
  <si>
    <t xml:space="preserve">BOWMAN                   </t>
  </si>
  <si>
    <t>725920-24257-1999.gz</t>
  </si>
  <si>
    <t>ANTELOPE</t>
  </si>
  <si>
    <t>726625-24006-2011.gz</t>
  </si>
  <si>
    <t>ROUGH BRANCH</t>
  </si>
  <si>
    <t>722029-99999-2002.gz</t>
  </si>
  <si>
    <t>723419-93992-2008.gz</t>
  </si>
  <si>
    <t>727458-94919-2010.gz</t>
  </si>
  <si>
    <t>723115-99999-2004.gz</t>
  </si>
  <si>
    <t>724026-99999-1997.gz</t>
  </si>
  <si>
    <t>WF UNIT 4A BRIDGE</t>
  </si>
  <si>
    <t>722217-63881-2010.gz</t>
  </si>
  <si>
    <t>14 TWO</t>
  </si>
  <si>
    <t>COOLWATER GATE</t>
  </si>
  <si>
    <t>CUTTER</t>
  </si>
  <si>
    <t>CIPV MILL</t>
  </si>
  <si>
    <t>727890-94197-2006.gz</t>
  </si>
  <si>
    <t xml:space="preserve">DOUGLAS                  </t>
  </si>
  <si>
    <t>724815-99999-2004.gz</t>
  </si>
  <si>
    <t>722340-13865-2002.gz</t>
  </si>
  <si>
    <t>KEINTZ</t>
  </si>
  <si>
    <t>726519-99999-2002.gz</t>
  </si>
  <si>
    <t>162ND ROAD (61)</t>
  </si>
  <si>
    <t>KCLW</t>
  </si>
  <si>
    <t>722231-00357-2009.gz</t>
  </si>
  <si>
    <t>ROSE #5</t>
  </si>
  <si>
    <t>723447-99999-1996.gz</t>
  </si>
  <si>
    <t>COALDALE</t>
  </si>
  <si>
    <t>724125-99999-1993.gz</t>
  </si>
  <si>
    <t>NOON</t>
  </si>
  <si>
    <t>727675-99999-2003.gz</t>
  </si>
  <si>
    <t>722269-03850-2009.gz</t>
  </si>
  <si>
    <t>GILMAN SPRINGS RD / SAN 7</t>
  </si>
  <si>
    <t>ROSEBUD/CUSTER COMPLEX</t>
  </si>
  <si>
    <t>726673-99999-1995.gz</t>
  </si>
  <si>
    <t>FY2011-IRWIN-052</t>
  </si>
  <si>
    <t>MAIDEN</t>
  </si>
  <si>
    <t>MS0    0909-3330224001</t>
  </si>
  <si>
    <t>FRIDAY</t>
  </si>
  <si>
    <t>BAILER</t>
  </si>
  <si>
    <t>723575-99999-2000.gz</t>
  </si>
  <si>
    <t>724094-99999-1995.gz</t>
  </si>
  <si>
    <t>MS0    0808-1020320001</t>
  </si>
  <si>
    <t>723235-13896-2008.gz</t>
  </si>
  <si>
    <t>727505-04929-2012.gz</t>
  </si>
  <si>
    <t xml:space="preserve">HWY 70  / LAURELLEN RD   </t>
  </si>
  <si>
    <t>724838-93205-2010.gz</t>
  </si>
  <si>
    <t>722286-93806-2010.gz</t>
  </si>
  <si>
    <t>CREEDS CROSSING</t>
  </si>
  <si>
    <t>724117-63802-2011.gz</t>
  </si>
  <si>
    <t>720924-00311-2014.gz</t>
  </si>
  <si>
    <t>A07357</t>
  </si>
  <si>
    <t>NW 0040</t>
  </si>
  <si>
    <t>724459-53931-2013.gz</t>
  </si>
  <si>
    <t>YOCUM</t>
  </si>
  <si>
    <t>725326-04894-2011.gz</t>
  </si>
  <si>
    <t>AJO</t>
  </si>
  <si>
    <t>724118-99999-1997.gz</t>
  </si>
  <si>
    <t>DOWNTOWN</t>
  </si>
  <si>
    <t>723060-13722-1997.gz</t>
  </si>
  <si>
    <t>GRAVEYARD</t>
  </si>
  <si>
    <t>747915-93718-2007.gz</t>
  </si>
  <si>
    <t>TWIN BUTTE</t>
  </si>
  <si>
    <t>727640-24011-2000.gz</t>
  </si>
  <si>
    <t>FY2001-CRISP-032</t>
  </si>
  <si>
    <t>725029-64707-2015.gz</t>
  </si>
  <si>
    <t>723435-99999-2000.gz</t>
  </si>
  <si>
    <t>STATE LINE 54 WEST</t>
  </si>
  <si>
    <t>722636-93042-2010.gz</t>
  </si>
  <si>
    <t>722354-99999-2002.gz</t>
  </si>
  <si>
    <t>OAKHILL ASSIST</t>
  </si>
  <si>
    <t>1377 LEE'S BRIDGE RD, AL</t>
  </si>
  <si>
    <t>723448-53934-2010.gz</t>
  </si>
  <si>
    <t>BRIDWELL/FORTENBERRY</t>
  </si>
  <si>
    <t>LIVINGSTON - 227</t>
  </si>
  <si>
    <t>722499-53948-2009.gz</t>
  </si>
  <si>
    <t>BARRETT MILL ROAD</t>
  </si>
  <si>
    <t>724296-13841-2014.gz</t>
  </si>
  <si>
    <t>723700-93167-1999.gz</t>
  </si>
  <si>
    <t>ROUTE 340 BY-PASS</t>
  </si>
  <si>
    <t>ZOAR RIDGE</t>
  </si>
  <si>
    <t>724140-13866-2003.gz</t>
  </si>
  <si>
    <t>BLUE SPRIN</t>
  </si>
  <si>
    <t>FY2011-FANNIN-013</t>
  </si>
  <si>
    <t xml:space="preserve">GOLD                     </t>
  </si>
  <si>
    <t>725290-14768-2010.gz</t>
  </si>
  <si>
    <t>HEART BREAK (O6)</t>
  </si>
  <si>
    <t>722183-99999-2005.gz</t>
  </si>
  <si>
    <t>STERLING</t>
  </si>
  <si>
    <t>722866-99999-2015.gz</t>
  </si>
  <si>
    <t>PORTAGE CANYON</t>
  </si>
  <si>
    <t>725786-24151-1995.gz</t>
  </si>
  <si>
    <t>GRASS FIRE FM 1188 E</t>
  </si>
  <si>
    <t>722600-03969-2012.gz</t>
  </si>
  <si>
    <t>RATTLESNAKE</t>
  </si>
  <si>
    <t>722745-99999-2000.gz</t>
  </si>
  <si>
    <t>722053-12841-2002.gz</t>
  </si>
  <si>
    <t>722031-63839-2010.gz</t>
  </si>
  <si>
    <t>CUMBERLAND</t>
  </si>
  <si>
    <t>720518-99999-2012.gz</t>
  </si>
  <si>
    <t>DR. HOWARD</t>
  </si>
  <si>
    <t>723759-53990-2008.gz</t>
  </si>
  <si>
    <t>BEAR CREEK PNF</t>
  </si>
  <si>
    <t>724627-99999-1997.gz</t>
  </si>
  <si>
    <t>EVANS RD. FIRE</t>
  </si>
  <si>
    <t>723510-13966-2011.gz</t>
  </si>
  <si>
    <t>IX</t>
  </si>
  <si>
    <t>727770-94012-2012.gz</t>
  </si>
  <si>
    <t>722060-13889-1993.gz</t>
  </si>
  <si>
    <t>722085-93831-2007.gz</t>
  </si>
  <si>
    <t>BOWEN</t>
  </si>
  <si>
    <t>746925-99999-2002.gz</t>
  </si>
  <si>
    <t>TRUEMAN #3</t>
  </si>
  <si>
    <t>720288-03711-2012.gz</t>
  </si>
  <si>
    <t>LANFAIR 4</t>
  </si>
  <si>
    <t>722479-99999-2005.gz</t>
  </si>
  <si>
    <t>LAKEVIEW DR 1 MILE W. P.R.4</t>
  </si>
  <si>
    <t>723761-23901-2010.gz</t>
  </si>
  <si>
    <t>FLAT RD.</t>
  </si>
  <si>
    <t>725660-24028-2005.gz</t>
  </si>
  <si>
    <t>CAMAS CRK</t>
  </si>
  <si>
    <t>726815-24106-2005.gz</t>
  </si>
  <si>
    <t xml:space="preserve">LINCOLN IC               </t>
  </si>
  <si>
    <t>GOLD BRICK FIRE</t>
  </si>
  <si>
    <t>NER-20120105-003</t>
  </si>
  <si>
    <t>747950-12867-1998.gz</t>
  </si>
  <si>
    <t>GRADE</t>
  </si>
  <si>
    <t>FY2014-EMANUEL-010</t>
  </si>
  <si>
    <t>4255 FM 1849</t>
  </si>
  <si>
    <t>HALL PLACE</t>
  </si>
  <si>
    <t>SOUNDSIDE</t>
  </si>
  <si>
    <t>723074-99999-2001.gz</t>
  </si>
  <si>
    <t>720267-23224-2010.gz</t>
  </si>
  <si>
    <t xml:space="preserve">HIGH                     </t>
  </si>
  <si>
    <t>725905-23275-2008.gz</t>
  </si>
  <si>
    <t>POPLAR FLATS FIRE</t>
  </si>
  <si>
    <t>POST ROAD FIRE</t>
  </si>
  <si>
    <t>722416-12971-2011.gz</t>
  </si>
  <si>
    <t>SCHOOL</t>
  </si>
  <si>
    <t>726875-99999-2000.gz</t>
  </si>
  <si>
    <t>747910-13717-2007.gz</t>
  </si>
  <si>
    <t xml:space="preserve">STATE #1516              </t>
  </si>
  <si>
    <t>ROUNGBOTTOM</t>
  </si>
  <si>
    <t>724125-99999-1999.gz</t>
  </si>
  <si>
    <t>723109-99999-2005.gz</t>
  </si>
  <si>
    <t>724106-13728-2004.gz</t>
  </si>
  <si>
    <t>SOUTH SUMMIT</t>
  </si>
  <si>
    <t>722764-03029-2013.gz</t>
  </si>
  <si>
    <t>BUCK LN</t>
  </si>
  <si>
    <t>726487-94896-2013.gz</t>
  </si>
  <si>
    <t>723443-53955-2012.gz</t>
  </si>
  <si>
    <t>724504-03974-2015.gz</t>
  </si>
  <si>
    <t>MS0    1111-4460219012</t>
  </si>
  <si>
    <t>723435-99999-2001.gz</t>
  </si>
  <si>
    <t xml:space="preserve">SUMMER                   </t>
  </si>
  <si>
    <t>FY2011-WILKINSON-017</t>
  </si>
  <si>
    <t>720348-63886-2011.gz</t>
  </si>
  <si>
    <t>722030-12844-2007.gz</t>
  </si>
  <si>
    <t>727834-99999-1995.gz</t>
  </si>
  <si>
    <t>722470-03901-1993.gz</t>
  </si>
  <si>
    <t>747750-99999-2000.gz</t>
  </si>
  <si>
    <t>ENAS</t>
  </si>
  <si>
    <t>ECHO</t>
  </si>
  <si>
    <t>725775-04111-1998.gz</t>
  </si>
  <si>
    <t>POSTELL</t>
  </si>
  <si>
    <t>722177-99999-2004.gz</t>
  </si>
  <si>
    <t>726228-94740-2006.gz</t>
  </si>
  <si>
    <t>746929-03702-2008.gz</t>
  </si>
  <si>
    <t>CORRAL</t>
  </si>
  <si>
    <t>747915-93718-2001.gz</t>
  </si>
  <si>
    <t>O''NEAL</t>
  </si>
  <si>
    <t>722587-93955-2009.gz</t>
  </si>
  <si>
    <t>722286-93806-1994.gz</t>
  </si>
  <si>
    <t>722241-54925-2014.gz</t>
  </si>
  <si>
    <t>FY2002-BRANTLEY-036</t>
  </si>
  <si>
    <t>722060-13889-2002.gz</t>
  </si>
  <si>
    <t>ALTAPASS</t>
  </si>
  <si>
    <t>723148-63859-2013.gz</t>
  </si>
  <si>
    <t xml:space="preserve">"GODINHO,J"              </t>
  </si>
  <si>
    <t>724973-99999-2002.gz</t>
  </si>
  <si>
    <t>KIRTLAND</t>
  </si>
  <si>
    <t>723658-23090-2005.gz</t>
  </si>
  <si>
    <t>724016-93736-2001.gz</t>
  </si>
  <si>
    <t>FY2002-CLAY-007</t>
  </si>
  <si>
    <t>722268-99999-2001.gz</t>
  </si>
  <si>
    <t>CHEVRON</t>
  </si>
  <si>
    <t>723840-23155-2000.gz</t>
  </si>
  <si>
    <t>SANTAN</t>
  </si>
  <si>
    <t>TH1706</t>
  </si>
  <si>
    <t>FRITZ SPUR</t>
  </si>
  <si>
    <t>726815-24106-1999.gz</t>
  </si>
  <si>
    <t>1010010 8002 FM416</t>
  </si>
  <si>
    <t>911904-22552-2006.gz</t>
  </si>
  <si>
    <t>VEIW NICHOLSON</t>
  </si>
  <si>
    <t>722119-99999-2003.gz</t>
  </si>
  <si>
    <t>HOGUM HOLLOW ROAD FIRE</t>
  </si>
  <si>
    <t>BROWN SHINN (53)</t>
  </si>
  <si>
    <t>SER-20120501-002</t>
  </si>
  <si>
    <t>720362-63874-2012.gz</t>
  </si>
  <si>
    <t>722334-03976-2007.gz</t>
  </si>
  <si>
    <t>747750-13846-2007.gz</t>
  </si>
  <si>
    <t>A00019-53969-2006.gz</t>
  </si>
  <si>
    <t>IRELAND CANYON</t>
  </si>
  <si>
    <t>722499-53948-2007.gz</t>
  </si>
  <si>
    <t>720924-00311-2013.gz</t>
  </si>
  <si>
    <t>GOODRICH HIGHWAY</t>
  </si>
  <si>
    <t>726904-24231-1996.gz</t>
  </si>
  <si>
    <t xml:space="preserve">OLD                      </t>
  </si>
  <si>
    <t>POLE FIRE</t>
  </si>
  <si>
    <t>722907-99999-1998.gz</t>
  </si>
  <si>
    <t>FY2012-TROUP-005</t>
  </si>
  <si>
    <t>747807-03821-2011.gz</t>
  </si>
  <si>
    <t>725621-94063-2015.gz</t>
  </si>
  <si>
    <t>747950-12867-1994.gz</t>
  </si>
  <si>
    <t>723246-53868-2008.gz</t>
  </si>
  <si>
    <t>GRINDER</t>
  </si>
  <si>
    <t>726815-99999-2001.gz</t>
  </si>
  <si>
    <t>723419-93992-2015.gz</t>
  </si>
  <si>
    <t>724815-99999-2003.gz</t>
  </si>
  <si>
    <t>722470-03901-2002.gz</t>
  </si>
  <si>
    <t>723143-03720-2006.gz</t>
  </si>
  <si>
    <t>FOUR TRACK</t>
  </si>
  <si>
    <t>JEFFERSON ANIMAL CLINIC</t>
  </si>
  <si>
    <t>WHITZEN WEST</t>
  </si>
  <si>
    <t>724354-63815-2006.gz</t>
  </si>
  <si>
    <t>FAWN TRAIL</t>
  </si>
  <si>
    <t>A00003-63844-2014.gz</t>
  </si>
  <si>
    <t>FY2001-LUMPKIN-030</t>
  </si>
  <si>
    <t>BOULTER</t>
  </si>
  <si>
    <t>BOILER PLANT</t>
  </si>
  <si>
    <t>723143-99999-1997.gz</t>
  </si>
  <si>
    <t>724457-03938-1997.gz</t>
  </si>
  <si>
    <t>722057-12854-2007.gz</t>
  </si>
  <si>
    <t>FY2014-COLUMBIA-006</t>
  </si>
  <si>
    <t>SAWLOG SLOUGH</t>
  </si>
  <si>
    <t>HAY BALES AND GRASS FIRE</t>
  </si>
  <si>
    <t>FY2002-BACON-139</t>
  </si>
  <si>
    <t>723194-53872-2007.gz</t>
  </si>
  <si>
    <t>MS0    1010-3331229007</t>
  </si>
  <si>
    <t>MORGAN RIDGE</t>
  </si>
  <si>
    <t>2134 QUAIL RIDGE RD, AMES, IA</t>
  </si>
  <si>
    <t>725472-94989-2011.gz</t>
  </si>
  <si>
    <t>FY2002-MILLER-037</t>
  </si>
  <si>
    <t>BOULDER 2</t>
  </si>
  <si>
    <t>723060-13722-1995.gz</t>
  </si>
  <si>
    <t>RR 2766</t>
  </si>
  <si>
    <t>720639-00225-2014.gz</t>
  </si>
  <si>
    <t>722214-03070-2008.gz</t>
  </si>
  <si>
    <t>BOHANNON</t>
  </si>
  <si>
    <t>80 days 00:00:00.000000000</t>
  </si>
  <si>
    <t>723754-99999-2002.gz</t>
  </si>
  <si>
    <t>POOR BOTTOM GAP</t>
  </si>
  <si>
    <t>LAKE ROAD</t>
  </si>
  <si>
    <t>ARROWWOOD RD COMMAND</t>
  </si>
  <si>
    <t>722112-53982-2010.gz</t>
  </si>
  <si>
    <t>LAMBERT</t>
  </si>
  <si>
    <t>727515-99999-2000.gz</t>
  </si>
  <si>
    <t>WARP</t>
  </si>
  <si>
    <t>724674-99999-2002.gz</t>
  </si>
  <si>
    <t>AMELLIO</t>
  </si>
  <si>
    <t>725424-99999-2002.gz</t>
  </si>
  <si>
    <t>FIRST AVENUE (11)</t>
  </si>
  <si>
    <t>722038-12897-2011.gz</t>
  </si>
  <si>
    <t>GRATEFUL DEADMAN CREEK</t>
  </si>
  <si>
    <t>727856-99999-2004.gz</t>
  </si>
  <si>
    <t>WW SOUTH</t>
  </si>
  <si>
    <t>726837-24162-1999.gz</t>
  </si>
  <si>
    <t>725038-14714-1994.gz</t>
  </si>
  <si>
    <t>OTA 23</t>
  </si>
  <si>
    <t>726815-24106-2007.gz</t>
  </si>
  <si>
    <t>726480-99999-1994.gz</t>
  </si>
  <si>
    <t>CASWELL</t>
  </si>
  <si>
    <t>FIELDS RD</t>
  </si>
  <si>
    <t>722334-03976-2008.gz</t>
  </si>
  <si>
    <t>CLA20330809</t>
  </si>
  <si>
    <t>994260-99999-1999.gz</t>
  </si>
  <si>
    <t>724125-03859-2001.gz</t>
  </si>
  <si>
    <t>N. SHARPS</t>
  </si>
  <si>
    <t>KRAMER</t>
  </si>
  <si>
    <t>726515-94902-2013.gz</t>
  </si>
  <si>
    <t>HWY 281</t>
  </si>
  <si>
    <t>727430-94850-2007.gz</t>
  </si>
  <si>
    <t>723340-13893-1993.gz</t>
  </si>
  <si>
    <t>MINATRE</t>
  </si>
  <si>
    <t>WATTS</t>
  </si>
  <si>
    <t>722687-93033-2009.gz</t>
  </si>
  <si>
    <t>COYOTE 1</t>
  </si>
  <si>
    <t>725830-24128-1995.gz</t>
  </si>
  <si>
    <t>BIG CREEK WF</t>
  </si>
  <si>
    <t>EARTH 3</t>
  </si>
  <si>
    <t>SALT CREEK MARSH</t>
  </si>
  <si>
    <t>724453-03994-2006.gz</t>
  </si>
  <si>
    <t>722072-03894-2009.gz</t>
  </si>
  <si>
    <t>723105-99999-2004.gz</t>
  </si>
  <si>
    <t>723415-03962-2015.gz</t>
  </si>
  <si>
    <t>722170-03813-1998.gz</t>
  </si>
  <si>
    <t>ROAD 10 HALF</t>
  </si>
  <si>
    <t>726665-24062-2014.gz</t>
  </si>
  <si>
    <t>725474-04915-2015.gz</t>
  </si>
  <si>
    <t>KILKENNY FARM FIRE</t>
  </si>
  <si>
    <t xml:space="preserve">OTAY #9                  </t>
  </si>
  <si>
    <t>722904-23196-1995.gz</t>
  </si>
  <si>
    <t>998009-99999-2010.gz</t>
  </si>
  <si>
    <t>COUNTY ROAD 235</t>
  </si>
  <si>
    <t>720269-12982-2008.gz</t>
  </si>
  <si>
    <t>723035-93740-2006.gz</t>
  </si>
  <si>
    <t>722300-99999-2001.gz</t>
  </si>
  <si>
    <t>745431-03998-2006.gz</t>
  </si>
  <si>
    <t>722014-99999-1999.gz</t>
  </si>
  <si>
    <t>726116-99999-1992.gz</t>
  </si>
  <si>
    <t>725130-14777-2005.gz</t>
  </si>
  <si>
    <t>MS0    0808-2490322002</t>
  </si>
  <si>
    <t>722359-13978-2008.gz</t>
  </si>
  <si>
    <t>FAIRFIELD JULY</t>
  </si>
  <si>
    <t>720634-00220-2010.gz</t>
  </si>
  <si>
    <t>723235-13896-2001.gz</t>
  </si>
  <si>
    <t>CRATER</t>
  </si>
  <si>
    <t xml:space="preserve">WEST                     </t>
  </si>
  <si>
    <t>725920-24257-1994.gz</t>
  </si>
  <si>
    <t>NEWELL PRONG</t>
  </si>
  <si>
    <t>726650-94023-2015.gz</t>
  </si>
  <si>
    <t>MM 241</t>
  </si>
  <si>
    <t>722192-23033-2009.gz</t>
  </si>
  <si>
    <t>SWR-20150215-009</t>
  </si>
  <si>
    <t>MS0    1010-1131003009</t>
  </si>
  <si>
    <t>726073-99999-1994.gz</t>
  </si>
  <si>
    <t xml:space="preserve">RD 228  / RD 274         </t>
  </si>
  <si>
    <t>MITCHELL CREEK</t>
  </si>
  <si>
    <t>725636-24017-1999.gz</t>
  </si>
  <si>
    <t>726465-99999-1998.gz</t>
  </si>
  <si>
    <t>CROW CREEK</t>
  </si>
  <si>
    <t>727815-24237-2007.gz</t>
  </si>
  <si>
    <t>BENNETT CANYON</t>
  </si>
  <si>
    <t>726514-99999-2000.gz</t>
  </si>
  <si>
    <t>UPRRMP313S</t>
  </si>
  <si>
    <t>727033-14609-2010.gz</t>
  </si>
  <si>
    <t>727444-99999-1994.gz</t>
  </si>
  <si>
    <t>SCHODDEE</t>
  </si>
  <si>
    <t>WEST MILFORD</t>
  </si>
  <si>
    <t>724175-99999-1999.gz</t>
  </si>
  <si>
    <t>BROAD ACRES LAKE FIRE #2</t>
  </si>
  <si>
    <t>SHANG</t>
  </si>
  <si>
    <t>720313-03052-2008.gz</t>
  </si>
  <si>
    <t>720348-63886-2010.gz</t>
  </si>
  <si>
    <t>723429-53920-2008.gz</t>
  </si>
  <si>
    <t>723439-53918-2011.gz</t>
  </si>
  <si>
    <t>ECR-20141209-002</t>
  </si>
  <si>
    <t>747807-03821-2014.gz</t>
  </si>
  <si>
    <t>722119-99999-1995.gz</t>
  </si>
  <si>
    <t>722748-99999-1995.gz</t>
  </si>
  <si>
    <t>HILLS</t>
  </si>
  <si>
    <t>BUSH</t>
  </si>
  <si>
    <t>722783-03185-2009.gz</t>
  </si>
  <si>
    <t>FY2000-LOWNDES-138</t>
  </si>
  <si>
    <t>722050-12815-1997.gz</t>
  </si>
  <si>
    <t>747910-13717-1997.gz</t>
  </si>
  <si>
    <t>CAVERN</t>
  </si>
  <si>
    <t>725810-24193-2006.gz</t>
  </si>
  <si>
    <t xml:space="preserve">GAS POINT                </t>
  </si>
  <si>
    <t>723566-93950-1996.gz</t>
  </si>
  <si>
    <t>EDDYVILLE</t>
  </si>
  <si>
    <t>744652-99999-2004.gz</t>
  </si>
  <si>
    <t xml:space="preserve">BIG RANCH RD  NAPA 26    </t>
  </si>
  <si>
    <t>724828-93241-2006.gz</t>
  </si>
  <si>
    <t>WILDLAND/GRASS FIRE</t>
  </si>
  <si>
    <t>722587-93955-2014.gz</t>
  </si>
  <si>
    <t>158 BLUE SKY</t>
  </si>
  <si>
    <t>725760-24021-2015.gz</t>
  </si>
  <si>
    <t>722287-13871-1995.gz</t>
  </si>
  <si>
    <t>725037-94745-2003.gz</t>
  </si>
  <si>
    <t>720355-03732-2007.gz</t>
  </si>
  <si>
    <t>KING</t>
  </si>
  <si>
    <t>TMCOMPLEX2</t>
  </si>
  <si>
    <t>727675-94011-1999.gz</t>
  </si>
  <si>
    <t>726988-24219-2003.gz</t>
  </si>
  <si>
    <t>LAW ENFORCEMENT FIRE</t>
  </si>
  <si>
    <t>747560-12816-2007.gz</t>
  </si>
  <si>
    <t>MS0    0909-4660223007</t>
  </si>
  <si>
    <t>722347-13833-2009.gz</t>
  </si>
  <si>
    <t>FLAT ROCK</t>
  </si>
  <si>
    <t>BFE 1</t>
  </si>
  <si>
    <t>724502-99999-2005.gz</t>
  </si>
  <si>
    <t>746936-03712-2008.gz</t>
  </si>
  <si>
    <t>BUCK</t>
  </si>
  <si>
    <t>723484-53901-2009.gz</t>
  </si>
  <si>
    <t>723723-23184-1993.gz</t>
  </si>
  <si>
    <t>LAURIELESS</t>
  </si>
  <si>
    <t>994380-99999-1996.gz</t>
  </si>
  <si>
    <t>725485-14940-2008.gz</t>
  </si>
  <si>
    <t>747185-03144-2013.gz</t>
  </si>
  <si>
    <t>SOUTH MARVINE</t>
  </si>
  <si>
    <t>724735-99999-2003.gz</t>
  </si>
  <si>
    <t>INDIAN CR</t>
  </si>
  <si>
    <t>722250-99999-2003.gz</t>
  </si>
  <si>
    <t>722120-12833-2002.gz</t>
  </si>
  <si>
    <t>723449-99999-2000.gz</t>
  </si>
  <si>
    <t>725088-54733-2007.gz</t>
  </si>
  <si>
    <t>BLUE MTN</t>
  </si>
  <si>
    <t>725830-24128-2000.gz</t>
  </si>
  <si>
    <t>O.W.P.</t>
  </si>
  <si>
    <t xml:space="preserve">HONEY                    </t>
  </si>
  <si>
    <t>LOWER EDNA</t>
  </si>
  <si>
    <t>727790-24146-2013.gz</t>
  </si>
  <si>
    <t>720314-93983-2015.gz</t>
  </si>
  <si>
    <t>3 BALE</t>
  </si>
  <si>
    <t>727573-94928-2013.gz</t>
  </si>
  <si>
    <t>CR 116 W</t>
  </si>
  <si>
    <t>A00019-53969-2014.gz</t>
  </si>
  <si>
    <t>722213-99999-1999.gz</t>
  </si>
  <si>
    <t>PINE RIDGE</t>
  </si>
  <si>
    <t>726920-24230-2009.gz</t>
  </si>
  <si>
    <t>BEAUTY HILL 2</t>
  </si>
  <si>
    <t>723346-03811-2011.gz</t>
  </si>
  <si>
    <t>HWY 279 7387</t>
  </si>
  <si>
    <t>722666-93943-2015.gz</t>
  </si>
  <si>
    <t>SHELTERBELT</t>
  </si>
  <si>
    <t>720281-53969-2012.gz</t>
  </si>
  <si>
    <t xml:space="preserve">PIXLEY IRRIGATION        </t>
  </si>
  <si>
    <t>FY2001-MILLER-022</t>
  </si>
  <si>
    <t>727825-99999-1993.gz</t>
  </si>
  <si>
    <t>722637-93046-2006.gz</t>
  </si>
  <si>
    <t>FY2013-WAYNE-025</t>
  </si>
  <si>
    <t>720671-00248-2013.gz</t>
  </si>
  <si>
    <t>MULTIPLE START</t>
  </si>
  <si>
    <t>PINEGROVE 1</t>
  </si>
  <si>
    <t>723750-03103-2013.gz</t>
  </si>
  <si>
    <t>CASTLE</t>
  </si>
  <si>
    <t>722786-23104-2002.gz</t>
  </si>
  <si>
    <t>21990 HWY 271</t>
  </si>
  <si>
    <t>LOST</t>
  </si>
  <si>
    <t>725955-24259-2008.gz</t>
  </si>
  <si>
    <t>MS0    1010-4461211004</t>
  </si>
  <si>
    <t>FY2002-TIFT-023</t>
  </si>
  <si>
    <t>RT. 94</t>
  </si>
  <si>
    <t>724125-99999-1995.gz</t>
  </si>
  <si>
    <t>BRIDGE CREEK DR.</t>
  </si>
  <si>
    <t>722200-12832-2004.gz</t>
  </si>
  <si>
    <t>724689-03026-2010.gz</t>
  </si>
  <si>
    <t>1201 WINAWAY #2</t>
  </si>
  <si>
    <t>727810-24243-2012.gz</t>
  </si>
  <si>
    <t>COAL 2</t>
  </si>
  <si>
    <t>K52</t>
  </si>
  <si>
    <t>720296-53945-2009.gz</t>
  </si>
  <si>
    <t>OSAGE</t>
  </si>
  <si>
    <t>722040-12838-2008.gz</t>
  </si>
  <si>
    <t>COAL</t>
  </si>
  <si>
    <t>724920-23237-2005.gz</t>
  </si>
  <si>
    <t>722119-99999-1994.gz</t>
  </si>
  <si>
    <t>MS0    1010-5151008009</t>
  </si>
  <si>
    <t xml:space="preserve">GRAPE                    </t>
  </si>
  <si>
    <t>745046-99999-2002.gz</t>
  </si>
  <si>
    <t>MM79 GRASSFIRE</t>
  </si>
  <si>
    <t>PIT</t>
  </si>
  <si>
    <t>J &amp; M FIRE</t>
  </si>
  <si>
    <t>722588-13926-2012.gz</t>
  </si>
  <si>
    <t>725038-99999-2000.gz</t>
  </si>
  <si>
    <t>129895-02810-10252015-1607</t>
  </si>
  <si>
    <t>DEE'S FIRE</t>
  </si>
  <si>
    <t>725755-24101-2011.gz</t>
  </si>
  <si>
    <t>LAUREL LANE FIRE</t>
  </si>
  <si>
    <t>723065-13783-2010.gz</t>
  </si>
  <si>
    <t>CEDAR VALLEY</t>
  </si>
  <si>
    <t>723148-63859-2010.gz</t>
  </si>
  <si>
    <t xml:space="preserve">DULIN                    </t>
  </si>
  <si>
    <t>GRAVEYARD FIRE`</t>
  </si>
  <si>
    <t>723415-03962-2012.gz</t>
  </si>
  <si>
    <t>EUCALYPTUS</t>
  </si>
  <si>
    <t>CEMETERY</t>
  </si>
  <si>
    <t>994260-99999-1993.gz</t>
  </si>
  <si>
    <t>FM 768</t>
  </si>
  <si>
    <t>FY2002-DOOLY-029</t>
  </si>
  <si>
    <t>FY2015-SCHLEY-006</t>
  </si>
  <si>
    <t>720948-00328-2015.gz</t>
  </si>
  <si>
    <t>726578-99999-2005.gz</t>
  </si>
  <si>
    <t>LICK BRANCH</t>
  </si>
  <si>
    <t>724190-03889-2013.gz</t>
  </si>
  <si>
    <t>MONARCH</t>
  </si>
  <si>
    <t>FY2013-HARALSON-041</t>
  </si>
  <si>
    <t>720714-00252-2012.gz</t>
  </si>
  <si>
    <t>JUSTIN JESCHKE</t>
  </si>
  <si>
    <t>726590-14929-2002.gz</t>
  </si>
  <si>
    <t>FY2016-MARION-003</t>
  </si>
  <si>
    <t>722255-93842-2015.gz</t>
  </si>
  <si>
    <t>722011-92813-2007.gz</t>
  </si>
  <si>
    <t>723307-99999-2003.gz</t>
  </si>
  <si>
    <t>OVERFLOW</t>
  </si>
  <si>
    <t>MS1605</t>
  </si>
  <si>
    <t>727815-24237-1999.gz</t>
  </si>
  <si>
    <t>PITCHING MACHINE FIRE</t>
  </si>
  <si>
    <t>722148-63824-2010.gz</t>
  </si>
  <si>
    <t>GEORGE ALLEN BRANCH</t>
  </si>
  <si>
    <t>722080-13880-1992.gz</t>
  </si>
  <si>
    <t>723120-03870-2002.gz</t>
  </si>
  <si>
    <t>727449-99999-2003.gz</t>
  </si>
  <si>
    <t>CR 602 (4791)</t>
  </si>
  <si>
    <t>722666-93943-2013.gz</t>
  </si>
  <si>
    <t>720636-00222-2013.gz</t>
  </si>
  <si>
    <t>725037-94745-2004.gz</t>
  </si>
  <si>
    <t>723105-03858-2009.gz</t>
  </si>
  <si>
    <t>HAYFIELD  (47)</t>
  </si>
  <si>
    <t>722261-00360-2015.gz</t>
  </si>
  <si>
    <t>OLD FILSON</t>
  </si>
  <si>
    <t>725955-24259-1999.gz</t>
  </si>
  <si>
    <t>727458-99999-2004.gz</t>
  </si>
  <si>
    <t>723235-13896-2007.gz</t>
  </si>
  <si>
    <t>722092-53941-2007.gz</t>
  </si>
  <si>
    <t>723425-99999-2008.gz</t>
  </si>
  <si>
    <t>LINDEN - 53</t>
  </si>
  <si>
    <t>722926-03154-1993.gz</t>
  </si>
  <si>
    <t>ACKERMAN-2</t>
  </si>
  <si>
    <t>BLUE MOUNTAIN</t>
  </si>
  <si>
    <t>722101-03039-2009.gz</t>
  </si>
  <si>
    <t>722285-99999-2003.gz</t>
  </si>
  <si>
    <t>LAKE</t>
  </si>
  <si>
    <t>723657-03014-2012.gz</t>
  </si>
  <si>
    <t>COON HOLLOW</t>
  </si>
  <si>
    <t>SICKLE</t>
  </si>
  <si>
    <t>25 RD #2</t>
  </si>
  <si>
    <t>725717-99999-1998.gz</t>
  </si>
  <si>
    <t>743312-53925-2013.gz</t>
  </si>
  <si>
    <t xml:space="preserve">HIGHLAND                 </t>
  </si>
  <si>
    <t>722897-99999-1993.gz</t>
  </si>
  <si>
    <t>MCCOY IC/TC FIRE</t>
  </si>
  <si>
    <t>FY2002-WHITFIELD-031</t>
  </si>
  <si>
    <t>722280-13876-2002.gz</t>
  </si>
  <si>
    <t>ELMER @ CR 102</t>
  </si>
  <si>
    <t>720110-53983-2010.gz</t>
  </si>
  <si>
    <t>722123-99999-2004.gz</t>
  </si>
  <si>
    <t>EDITH/TAC3 2</t>
  </si>
  <si>
    <t>724973-93203-2011.gz</t>
  </si>
  <si>
    <t>TUNDRA GEO</t>
  </si>
  <si>
    <t>22 days 00:00:00.000000000</t>
  </si>
  <si>
    <t>EC20079</t>
  </si>
  <si>
    <t>WOODY'S</t>
  </si>
  <si>
    <t>725784-99999-1992.gz</t>
  </si>
  <si>
    <t>720627-00214-2010.gz</t>
  </si>
  <si>
    <t>C2</t>
  </si>
  <si>
    <t>FY2002-HALL-038</t>
  </si>
  <si>
    <t>722185-99999-2002.gz</t>
  </si>
  <si>
    <t>MALL ROAD</t>
  </si>
  <si>
    <t>SEVERITY01</t>
  </si>
  <si>
    <t>720318-53965-2008.gz</t>
  </si>
  <si>
    <t>722017-99999-2000.gz</t>
  </si>
  <si>
    <t>MCBEE</t>
  </si>
  <si>
    <t>727845-24163-2007.gz</t>
  </si>
  <si>
    <t>FAIRPLAINS SHINN ROAD</t>
  </si>
  <si>
    <t>742079-63876-2014.gz</t>
  </si>
  <si>
    <t>PORTER</t>
  </si>
  <si>
    <t>723940-23273-2002.gz</t>
  </si>
  <si>
    <t>720578-00176-2011.gz</t>
  </si>
  <si>
    <t>724117-63802-2008.gz</t>
  </si>
  <si>
    <t>COW PATTY FIRE</t>
  </si>
  <si>
    <t>720771-00276-2013.gz</t>
  </si>
  <si>
    <t>725533-94957-2011.gz</t>
  </si>
  <si>
    <t>LEWIS FIRE</t>
  </si>
  <si>
    <t>NWR-20140127-010</t>
  </si>
  <si>
    <t>722286-93806-2013.gz</t>
  </si>
  <si>
    <t>720394-00428-2015.gz</t>
  </si>
  <si>
    <t xml:space="preserve">PALMER AV /S LASSEN AV   </t>
  </si>
  <si>
    <t>723898-53119-2009.gz</t>
  </si>
  <si>
    <t>A1306002</t>
  </si>
  <si>
    <t>725468-04910-2006.gz</t>
  </si>
  <si>
    <t>725054-64710-2006.gz</t>
  </si>
  <si>
    <t>MOUTH OF MARE BR, EAST FK</t>
  </si>
  <si>
    <t>JUNK EQUIPMENT FIRE</t>
  </si>
  <si>
    <t>HOWARD</t>
  </si>
  <si>
    <t>723066-13713-1999.gz</t>
  </si>
  <si>
    <t>SHERWOOD LOOP FIRE</t>
  </si>
  <si>
    <t>727855-24114-2006.gz</t>
  </si>
  <si>
    <t>17288 FM 981 GF</t>
  </si>
  <si>
    <t>722541-53914-2011.gz</t>
  </si>
  <si>
    <t>STARR</t>
  </si>
  <si>
    <t>723556-99999-2005.gz</t>
  </si>
  <si>
    <t>FLAT SPGS</t>
  </si>
  <si>
    <t>PROMONTORY</t>
  </si>
  <si>
    <t>SOUTHFORK</t>
  </si>
  <si>
    <t>722312-99999-2003.gz</t>
  </si>
  <si>
    <t>LOPEZ FIRE</t>
  </si>
  <si>
    <t>CABIN CREEK</t>
  </si>
  <si>
    <t>726865-99999-1996.gz</t>
  </si>
  <si>
    <t>FY2002-EARLY-002</t>
  </si>
  <si>
    <t>TRINITY RANCH A</t>
  </si>
  <si>
    <t>722192-23033-2011.gz</t>
  </si>
  <si>
    <t>DEAD COW FIRE</t>
  </si>
  <si>
    <t>723347-03809-2010.gz</t>
  </si>
  <si>
    <t>MARSHALL #2</t>
  </si>
  <si>
    <t>747580-13978-2015.gz</t>
  </si>
  <si>
    <t>723066-13713-2007.gz</t>
  </si>
  <si>
    <t>SWR-20150214-023</t>
  </si>
  <si>
    <t>720362-63874-2015.gz</t>
  </si>
  <si>
    <t>BEEN HAD</t>
  </si>
  <si>
    <t>PARADISE</t>
  </si>
  <si>
    <t>727850-24157-2011.gz</t>
  </si>
  <si>
    <t>BAYS MT</t>
  </si>
  <si>
    <t>723260-13891-2011.gz</t>
  </si>
  <si>
    <t>BRIDGERS ROAD FIRE</t>
  </si>
  <si>
    <t>723035-99999-2000.gz</t>
  </si>
  <si>
    <t>DEGNER</t>
  </si>
  <si>
    <t>SUGARCAMP, HUFF CREEK</t>
  </si>
  <si>
    <t>724125-03859-2015.gz</t>
  </si>
  <si>
    <t>726050-14745-2012.gz</t>
  </si>
  <si>
    <t>LIVINGSTON - 192</t>
  </si>
  <si>
    <t>MOSQUITO DITCH</t>
  </si>
  <si>
    <t>722350-03940-1998.gz</t>
  </si>
  <si>
    <t>SLOSSER RD</t>
  </si>
  <si>
    <t>726395-14808-2008.gz</t>
  </si>
  <si>
    <t>ROGER'S PASTURE</t>
  </si>
  <si>
    <t>722683-93083-2008.gz</t>
  </si>
  <si>
    <t>MS0    0909-5390618006</t>
  </si>
  <si>
    <t>GLOW STICK(11)</t>
  </si>
  <si>
    <t>722108-12894-2011.gz</t>
  </si>
  <si>
    <t>724056-63805-2015.gz</t>
  </si>
  <si>
    <t>CARMAN #2</t>
  </si>
  <si>
    <t>SANDY CK</t>
  </si>
  <si>
    <t>994160-99999-1994.gz</t>
  </si>
  <si>
    <t>727468-04928-2012.gz</t>
  </si>
  <si>
    <t>722499-99999-1996.gz</t>
  </si>
  <si>
    <t>MILLIGAN</t>
  </si>
  <si>
    <t>723550-99999-2002.gz</t>
  </si>
  <si>
    <t>RL 240</t>
  </si>
  <si>
    <t>722561-99999-2008.gz</t>
  </si>
  <si>
    <t>LAST CHANCE RIDGE</t>
  </si>
  <si>
    <t>NWR-20140413-003</t>
  </si>
  <si>
    <t>720505-00156-2014.gz</t>
  </si>
  <si>
    <t>725434-54789-2010.gz</t>
  </si>
  <si>
    <t>1050 COUNTY ROAD 238</t>
  </si>
  <si>
    <t>720269-12982-2009.gz</t>
  </si>
  <si>
    <t>KARNS #2</t>
  </si>
  <si>
    <t>723530-13967-2005.gz</t>
  </si>
  <si>
    <t>724075-13735-2014.gz</t>
  </si>
  <si>
    <t>PHILLPS</t>
  </si>
  <si>
    <t>726073-99999-1992.gz</t>
  </si>
  <si>
    <t>747806-63809-2007.gz</t>
  </si>
  <si>
    <t>724118-99999-1998.gz</t>
  </si>
  <si>
    <t>722170-03813-1991.gz</t>
  </si>
  <si>
    <t>720175-53919-2013.gz</t>
  </si>
  <si>
    <t>GRASS/HAY</t>
  </si>
  <si>
    <t>WILSON LANE</t>
  </si>
  <si>
    <t>723030-99999-2003.gz</t>
  </si>
  <si>
    <t>YORK RD &amp; US87 SOUTH</t>
  </si>
  <si>
    <t>HONEY LOCUST</t>
  </si>
  <si>
    <t>722078-53938-2008.gz</t>
  </si>
  <si>
    <t>747580-13978-2012.gz</t>
  </si>
  <si>
    <t>MS0    1010-5451003013</t>
  </si>
  <si>
    <t>2974 SPEEGLEVILLE RD</t>
  </si>
  <si>
    <t>722563-53952-2012.gz</t>
  </si>
  <si>
    <t>BARRETT</t>
  </si>
  <si>
    <t>722970-23129-2011.gz</t>
  </si>
  <si>
    <t>HBCITYCNTR</t>
  </si>
  <si>
    <t>SPRING</t>
  </si>
  <si>
    <t>724106-13728-2005.gz</t>
  </si>
  <si>
    <t>FY2000-PULASKI-052</t>
  </si>
  <si>
    <t>GRAYPOINT</t>
  </si>
  <si>
    <t>WHITING</t>
  </si>
  <si>
    <t>HWY 399 #3</t>
  </si>
  <si>
    <t>CR 55</t>
  </si>
  <si>
    <t>HWY 4</t>
  </si>
  <si>
    <t>20 days 00:00:00.000000000</t>
  </si>
  <si>
    <t>727924-24223-2014.gz</t>
  </si>
  <si>
    <t>STEPP BRACH</t>
  </si>
  <si>
    <t>994410-99999-1992.gz</t>
  </si>
  <si>
    <t>J-O</t>
  </si>
  <si>
    <t>723650-23050-2011.gz</t>
  </si>
  <si>
    <t>723055-63816-2007.gz</t>
  </si>
  <si>
    <t>HERRON RIV</t>
  </si>
  <si>
    <t>702460-99999-2001.gz</t>
  </si>
  <si>
    <t>720924-00311-2012.gz</t>
  </si>
  <si>
    <t xml:space="preserve">HWY 101  N/ LOS LOBOS RD </t>
  </si>
  <si>
    <t>722897-93206-2008.gz</t>
  </si>
  <si>
    <t>BLUFF #2</t>
  </si>
  <si>
    <t>CR 2130 GRASS</t>
  </si>
  <si>
    <t>724043-03756-2010.gz</t>
  </si>
  <si>
    <t xml:space="preserve">HASTINGS                 </t>
  </si>
  <si>
    <t>720267-23224-2008.gz</t>
  </si>
  <si>
    <t>COOKS</t>
  </si>
  <si>
    <t>723896-99999-1999.gz</t>
  </si>
  <si>
    <t>722357-03961-2006.gz</t>
  </si>
  <si>
    <t>COAL CR</t>
  </si>
  <si>
    <t>727827-24110-1994.gz</t>
  </si>
  <si>
    <t>FISHER VALLEY ROAD FIRE</t>
  </si>
  <si>
    <t>BORDER</t>
  </si>
  <si>
    <t>723754-99999-2004.gz</t>
  </si>
  <si>
    <t>720295-53972-2007.gz</t>
  </si>
  <si>
    <t>725830-24128-1996.gz</t>
  </si>
  <si>
    <t>7200 BLK FM 380</t>
  </si>
  <si>
    <t>WBUTTERFLY</t>
  </si>
  <si>
    <t>726487-99999-1994.gz</t>
  </si>
  <si>
    <t>MS0    0808-5430113002</t>
  </si>
  <si>
    <t>722357-03961-2007.gz</t>
  </si>
  <si>
    <t>INDEPENDENCE</t>
  </si>
  <si>
    <t>720863-00289-2011.gz</t>
  </si>
  <si>
    <t>727573-94928-2008.gz</t>
  </si>
  <si>
    <t>720289-63836-2007.gz</t>
  </si>
  <si>
    <t>726530-94943-2009.gz</t>
  </si>
  <si>
    <t>TRUCK/FIELD</t>
  </si>
  <si>
    <t>722073-99999-2004.gz</t>
  </si>
  <si>
    <t>269TH (15)</t>
  </si>
  <si>
    <t>RIVERSIDE CUT OFF</t>
  </si>
  <si>
    <t>727890-99999-2004.gz</t>
  </si>
  <si>
    <t>BOX</t>
  </si>
  <si>
    <t>722676-99999-1999.gz</t>
  </si>
  <si>
    <t>EZERSKY</t>
  </si>
  <si>
    <t>NORTH END</t>
  </si>
  <si>
    <t>NUEVO FIRE</t>
  </si>
  <si>
    <t>MORRISON</t>
  </si>
  <si>
    <t>723754-93027-2007.gz</t>
  </si>
  <si>
    <t>727856-99999-1995.gz</t>
  </si>
  <si>
    <t>WS RIVER</t>
  </si>
  <si>
    <t>GROB LAKE</t>
  </si>
  <si>
    <t>727790-24146-2006.gz</t>
  </si>
  <si>
    <t>724113-99999-2001.gz</t>
  </si>
  <si>
    <t>3-E FIRE</t>
  </si>
  <si>
    <t xml:space="preserve">SAMPLE                   </t>
  </si>
  <si>
    <t>79 AND GLASCOW MASSEY FIRE</t>
  </si>
  <si>
    <t>SANDOVAL</t>
  </si>
  <si>
    <t>720541-53806-2014.gz</t>
  </si>
  <si>
    <t>BARREL</t>
  </si>
  <si>
    <t>726384-14817-1999.gz</t>
  </si>
  <si>
    <t>FY2002-TAYLOR-035</t>
  </si>
  <si>
    <t>LIVINGSTON - 732</t>
  </si>
  <si>
    <t>722429-53910-2011.gz</t>
  </si>
  <si>
    <t>726515-99999-2005.gz</t>
  </si>
  <si>
    <t>MINORS BRANCH</t>
  </si>
  <si>
    <t>720448-00144-2014.gz</t>
  </si>
  <si>
    <t>SHAGGY</t>
  </si>
  <si>
    <t>723656-99999-2001.gz</t>
  </si>
  <si>
    <t>727457-94962-2013.gz</t>
  </si>
  <si>
    <t>8620 RR 1888 GRASS FIRE</t>
  </si>
  <si>
    <t>720639-00225-2011.gz</t>
  </si>
  <si>
    <t>722199-53956-2011.gz</t>
  </si>
  <si>
    <t>TRAVIS CREEK</t>
  </si>
  <si>
    <t>727720-24144-2003.gz</t>
  </si>
  <si>
    <t xml:space="preserve">"SWIERSTRA, R."          </t>
  </si>
  <si>
    <t>722351-12953-2008.gz</t>
  </si>
  <si>
    <t xml:space="preserve">IRISH                    </t>
  </si>
  <si>
    <t>722209-12986-2015.gz</t>
  </si>
  <si>
    <t>WAHLQUIST</t>
  </si>
  <si>
    <t>722055-99999-2005.gz</t>
  </si>
  <si>
    <t>JAMES TYNER FIRE</t>
  </si>
  <si>
    <t>723079-99999-2002.gz</t>
  </si>
  <si>
    <t>722031-63839-2006.gz</t>
  </si>
  <si>
    <t>REED CABINET COMPANY</t>
  </si>
  <si>
    <t>723630-23047-2012.gz</t>
  </si>
  <si>
    <t>S RIVERBEND AV /E LINCOLN</t>
  </si>
  <si>
    <t>MS0    1010-1590415001</t>
  </si>
  <si>
    <t>VALLEY MILL</t>
  </si>
  <si>
    <t>GANNETT 41</t>
  </si>
  <si>
    <t>722029-99999-1993.gz</t>
  </si>
  <si>
    <t>SET BOTH SIDES</t>
  </si>
  <si>
    <t>723119-13886-2014.gz</t>
  </si>
  <si>
    <t>FIRE</t>
  </si>
  <si>
    <t>723630-23047-2009.gz</t>
  </si>
  <si>
    <t>723759-53990-2007.gz</t>
  </si>
  <si>
    <t>723418-13977-2002.gz</t>
  </si>
  <si>
    <t>723105-93833-1994.gz</t>
  </si>
  <si>
    <t>722034-99999-2001.gz</t>
  </si>
  <si>
    <t>720455-00145-2010.gz</t>
  </si>
  <si>
    <t>KERLEY RD</t>
  </si>
  <si>
    <t>723265-03847-2007.gz</t>
  </si>
  <si>
    <t>SPUNKY</t>
  </si>
  <si>
    <t>723820-23182-2007.gz</t>
  </si>
  <si>
    <t>722123-99999-1996.gz</t>
  </si>
  <si>
    <t>FLANNERYS BRANCH</t>
  </si>
  <si>
    <t>57 - SOYBEAN DR FIRE-0329</t>
  </si>
  <si>
    <t>726588-99999-1996.gz</t>
  </si>
  <si>
    <t>CAMPING</t>
  </si>
  <si>
    <t>723030-99999-2001.gz</t>
  </si>
  <si>
    <t>691324-99999-1995.gz</t>
  </si>
  <si>
    <t xml:space="preserve">VEGTATION FIRE           </t>
  </si>
  <si>
    <t>726774-99999-1992.gz</t>
  </si>
  <si>
    <t>725484-04942-2012.gz</t>
  </si>
  <si>
    <t>ROBINSON</t>
  </si>
  <si>
    <t>722101-03039-2012.gz</t>
  </si>
  <si>
    <t>723424-99999-2003.gz</t>
  </si>
  <si>
    <t>OAK MTN.</t>
  </si>
  <si>
    <t xml:space="preserve">MILTON                   </t>
  </si>
  <si>
    <t>ORDERVILLE</t>
  </si>
  <si>
    <t>OLIVER IC</t>
  </si>
  <si>
    <t>723100-13883-2011.gz</t>
  </si>
  <si>
    <t>NER-20120706-003</t>
  </si>
  <si>
    <t>720504-99999-2012.gz</t>
  </si>
  <si>
    <t>GALE</t>
  </si>
  <si>
    <t>724350-03816-2005.gz</t>
  </si>
  <si>
    <t>FY2013-BAKER-006</t>
  </si>
  <si>
    <t>722480-13957-2014.gz</t>
  </si>
  <si>
    <t>724117-63802-2014.gz</t>
  </si>
  <si>
    <t>SPRINGS</t>
  </si>
  <si>
    <t>MCGREGOR PARK #1</t>
  </si>
  <si>
    <t>FY2015-MITCHELL-001</t>
  </si>
  <si>
    <t>720738-00267-2014.gz</t>
  </si>
  <si>
    <t xml:space="preserve">9SLU001641               </t>
  </si>
  <si>
    <t>722897-99999-1999.gz</t>
  </si>
  <si>
    <t>PERU</t>
  </si>
  <si>
    <t>725805-24172-2001.gz</t>
  </si>
  <si>
    <t>E STETSON AV / STANFORD 2</t>
  </si>
  <si>
    <t>722147-53817-2007.gz</t>
  </si>
  <si>
    <t>747900-13849-2009.gz</t>
  </si>
  <si>
    <t>722340-13865-2014.gz</t>
  </si>
  <si>
    <t>EDWARDS ROAD</t>
  </si>
  <si>
    <t>725294-00383-2011.gz</t>
  </si>
  <si>
    <t>727457-99999-2002.gz</t>
  </si>
  <si>
    <t>723415-03962-2007.gz</t>
  </si>
  <si>
    <t>723750-99999-2004.gz</t>
  </si>
  <si>
    <t>C-88</t>
  </si>
  <si>
    <t>722688-93034-1994.gz</t>
  </si>
  <si>
    <t>742070-24201-1999.gz</t>
  </si>
  <si>
    <t>WANNA</t>
  </si>
  <si>
    <t>M.JOESEPH</t>
  </si>
  <si>
    <t>726560-99999-1996.gz</t>
  </si>
  <si>
    <t>BOND</t>
  </si>
  <si>
    <t>747915-93718-1999.gz</t>
  </si>
  <si>
    <t>COAL CITY RAOD</t>
  </si>
  <si>
    <t>724973-99999-2003.gz</t>
  </si>
  <si>
    <t>722350-03940-2003.gz</t>
  </si>
  <si>
    <t>M/A GRASS FIRE FM 488/FM 416</t>
  </si>
  <si>
    <t>CHURCH HILL</t>
  </si>
  <si>
    <t>723656-23049-2009.gz</t>
  </si>
  <si>
    <t>JALAPA</t>
  </si>
  <si>
    <t>INDIAN WELL</t>
  </si>
  <si>
    <t>FY2011-COLUMBIA-017</t>
  </si>
  <si>
    <t>720289-63836-2010.gz</t>
  </si>
  <si>
    <t>692704-99999-1998.gz</t>
  </si>
  <si>
    <t>722119-99999-2000.gz</t>
  </si>
  <si>
    <t xml:space="preserve">PAC BELL                 </t>
  </si>
  <si>
    <t>725905-99999-2000.gz</t>
  </si>
  <si>
    <t>RL423</t>
  </si>
  <si>
    <t>727505-99999-1999.gz</t>
  </si>
  <si>
    <t>DRUMSPRING</t>
  </si>
  <si>
    <t>723755-03103-1999.gz</t>
  </si>
  <si>
    <t>724100-13733-2013.gz</t>
  </si>
  <si>
    <t>STEEL BRIDGE</t>
  </si>
  <si>
    <t>HUNT ROAD</t>
  </si>
  <si>
    <t>MORGAN JONES CANYON</t>
  </si>
  <si>
    <t>EAST THOMPSON PEAK</t>
  </si>
  <si>
    <t>MEREDITH</t>
  </si>
  <si>
    <t>722680-23009-1993.gz</t>
  </si>
  <si>
    <t>TOWER #2</t>
  </si>
  <si>
    <t>BRUSH</t>
  </si>
  <si>
    <t>WATERMAN # 2</t>
  </si>
  <si>
    <t>LINDEN - 700</t>
  </si>
  <si>
    <t>SALMON</t>
  </si>
  <si>
    <t>KINNEY RD @ FM 2790</t>
  </si>
  <si>
    <t>722535-12909-2009.gz</t>
  </si>
  <si>
    <t>724008-93781-2008.gz</t>
  </si>
  <si>
    <t>HABITAT FIRE</t>
  </si>
  <si>
    <t>724795-99999-2003.gz</t>
  </si>
  <si>
    <t>BUENA VISTA LN / BROWNING</t>
  </si>
  <si>
    <t>722209-12986-2008.gz</t>
  </si>
  <si>
    <t>722280-13876-1998.gz</t>
  </si>
  <si>
    <t>MCCAULEY</t>
  </si>
  <si>
    <t>BULL RUN</t>
  </si>
  <si>
    <t>724110-13741-2002.gz</t>
  </si>
  <si>
    <t>722444-99999-2005.gz</t>
  </si>
  <si>
    <t>BROWN TRAIL</t>
  </si>
  <si>
    <t>725895-94236-1994.gz</t>
  </si>
  <si>
    <t>WOOD TICK</t>
  </si>
  <si>
    <t>WEST KILI</t>
  </si>
  <si>
    <t>747950-12867-1993.gz</t>
  </si>
  <si>
    <t>DEER STAND FIRE</t>
  </si>
  <si>
    <t>723109-93782-2010.gz</t>
  </si>
  <si>
    <t>DOF#175</t>
  </si>
  <si>
    <t>722108-99999-2001.gz</t>
  </si>
  <si>
    <t>TRAVIS FIRE</t>
  </si>
  <si>
    <t>746410-13975-2011.gz</t>
  </si>
  <si>
    <t>725958-99999-2003.gz</t>
  </si>
  <si>
    <t>723165-63821-2007.gz</t>
  </si>
  <si>
    <t>SWITCHBACK</t>
  </si>
  <si>
    <t>BANJO BRANCH</t>
  </si>
  <si>
    <t>723235-13896-2010.gz</t>
  </si>
  <si>
    <t>FERN (40)</t>
  </si>
  <si>
    <t>722166-93845-2011.gz</t>
  </si>
  <si>
    <t>LANCASTER / LBJ FIRE</t>
  </si>
  <si>
    <t>722599-03971-2011.gz</t>
  </si>
  <si>
    <t>FARR</t>
  </si>
  <si>
    <t>725805-24172-2007.gz</t>
  </si>
  <si>
    <t>SOUTH SPRING</t>
  </si>
  <si>
    <t>723447-99999-1993.gz</t>
  </si>
  <si>
    <t>WILDLAND</t>
  </si>
  <si>
    <t>722587-93955-2010.gz</t>
  </si>
  <si>
    <t>722014-99999-2000.gz</t>
  </si>
  <si>
    <t>722199-53956-2015.gz</t>
  </si>
  <si>
    <t>726558-99999-1997.gz</t>
  </si>
  <si>
    <t>JETPORT1N</t>
  </si>
  <si>
    <t>BOURLAND</t>
  </si>
  <si>
    <t>97 days 00:00:00.000000000</t>
  </si>
  <si>
    <t>722185-53838-2007.gz</t>
  </si>
  <si>
    <t>MS0    1010-3650307002</t>
  </si>
  <si>
    <t>722230-13894-1996.gz</t>
  </si>
  <si>
    <t>BEAVER</t>
  </si>
  <si>
    <t>726606-99999-2003.gz</t>
  </si>
  <si>
    <t>722072-03894-2007.gz</t>
  </si>
  <si>
    <t>HWY 155 MM 73</t>
  </si>
  <si>
    <t>727890-94197-2008.gz</t>
  </si>
  <si>
    <t>3225 CR 234</t>
  </si>
  <si>
    <t>723761-23901-2008.gz</t>
  </si>
  <si>
    <t>722340-13865-2004.gz</t>
  </si>
  <si>
    <t>BTU DOE 2</t>
  </si>
  <si>
    <t>SWR-20140331-001</t>
  </si>
  <si>
    <t>723109-93782-2009.gz</t>
  </si>
  <si>
    <t>RICHMOND RIDGE 2</t>
  </si>
  <si>
    <t>84 days 00:00:00.000000000</t>
  </si>
  <si>
    <t>723115-53854-2015.gz</t>
  </si>
  <si>
    <t>SUNLAKE WIDLFIRE 3-8-2015 (05)</t>
  </si>
  <si>
    <t>723449-99999-1998.gz</t>
  </si>
  <si>
    <t>724767-99999-1993.gz</t>
  </si>
  <si>
    <t>FY2013-BURKE-037</t>
  </si>
  <si>
    <t>720301-63846-2013.gz</t>
  </si>
  <si>
    <t>CLE10827143</t>
  </si>
  <si>
    <t>723448-53934-2014.gz</t>
  </si>
  <si>
    <t>723435-99999-2004.gz</t>
  </si>
  <si>
    <t>OWL BRANCH # 3</t>
  </si>
  <si>
    <t>A00003-63844-2010.gz</t>
  </si>
  <si>
    <t>726384-14817-1992.gz</t>
  </si>
  <si>
    <t>SER-20120430-001</t>
  </si>
  <si>
    <t>MS0    0909-1290320005</t>
  </si>
  <si>
    <t>LISMAN</t>
  </si>
  <si>
    <t>724250-03860-2012.gz</t>
  </si>
  <si>
    <t>724056-99999-1998.gz</t>
  </si>
  <si>
    <t>HWY11HWY50</t>
  </si>
  <si>
    <t>722588-13926-2011.gz</t>
  </si>
  <si>
    <t>726155-99999-1998.gz</t>
  </si>
  <si>
    <t>HOLMES</t>
  </si>
  <si>
    <t>722686-99999-2001.gz</t>
  </si>
  <si>
    <t>SOUTH PARK</t>
  </si>
  <si>
    <t>OAK TRAIL</t>
  </si>
  <si>
    <t xml:space="preserve">PONDEROSA                </t>
  </si>
  <si>
    <t>724917-23233-2000.gz</t>
  </si>
  <si>
    <t>723759-53990-2013.gz</t>
  </si>
  <si>
    <t>MICHAEL MOHR</t>
  </si>
  <si>
    <t>RAILROAD FIRE</t>
  </si>
  <si>
    <t>722279-53852-2010.gz</t>
  </si>
  <si>
    <t xml:space="preserve">STEVENS                  </t>
  </si>
  <si>
    <t>CEDAR</t>
  </si>
  <si>
    <t>726560-99999-1998.gz</t>
  </si>
  <si>
    <t>BERGER</t>
  </si>
  <si>
    <t>726816-04110-2008.gz</t>
  </si>
  <si>
    <t>POWERLINE 8</t>
  </si>
  <si>
    <t xml:space="preserve">MCNAMARA                 </t>
  </si>
  <si>
    <t>724815-23257-2010.gz</t>
  </si>
  <si>
    <t xml:space="preserve">OTAY 7                   </t>
  </si>
  <si>
    <t>720609-99999-2011.gz</t>
  </si>
  <si>
    <t>PARAMOUNT CA</t>
  </si>
  <si>
    <t>726605-00386-2014.gz</t>
  </si>
  <si>
    <t>BLUNDELL</t>
  </si>
  <si>
    <t>724795-99999-1998.gz</t>
  </si>
  <si>
    <t>SKYLINE TRUCK TRL / LYO 2</t>
  </si>
  <si>
    <t>722907-53143-2007.gz</t>
  </si>
  <si>
    <t>722487-13935-2006.gz</t>
  </si>
  <si>
    <t>725957-24215-1994.gz</t>
  </si>
  <si>
    <t>743700-14715-2015.gz</t>
  </si>
  <si>
    <t>FY2000-BERRIEN-078</t>
  </si>
  <si>
    <t>725469-04913-2009.gz</t>
  </si>
  <si>
    <t>FIRE AT DOUBLE M RANCH</t>
  </si>
  <si>
    <t>FOLLETTE</t>
  </si>
  <si>
    <t>726605-00386-2011.gz</t>
  </si>
  <si>
    <t>727474-99999-2003.gz</t>
  </si>
  <si>
    <t>722123-99999-1994.gz</t>
  </si>
  <si>
    <t>FY2002-COFFEE-066</t>
  </si>
  <si>
    <t>746936-03712-2006.gz</t>
  </si>
  <si>
    <t>6175 FM 1198</t>
  </si>
  <si>
    <t>MARK</t>
  </si>
  <si>
    <t>747807-99999-2002.gz</t>
  </si>
  <si>
    <t>725541-04993-2012.gz</t>
  </si>
  <si>
    <t>720301-63846-2010.gz</t>
  </si>
  <si>
    <t>PIT FIRE</t>
  </si>
  <si>
    <t>726560-99999-2004.gz</t>
  </si>
  <si>
    <t xml:space="preserve">SARGENTS                 </t>
  </si>
  <si>
    <t>723900-93226-2003.gz</t>
  </si>
  <si>
    <t>OLD HANGING ROCK</t>
  </si>
  <si>
    <t>CHEROKEE</t>
  </si>
  <si>
    <t>724837-99999-2000.gz</t>
  </si>
  <si>
    <t>SWAMP</t>
  </si>
  <si>
    <t>722594-53909-2008.gz</t>
  </si>
  <si>
    <t>CESSAMY</t>
  </si>
  <si>
    <t>720317-03735-2009.gz</t>
  </si>
  <si>
    <t>726417-99999-2002.gz</t>
  </si>
  <si>
    <t>723030-13714-2007.gz</t>
  </si>
  <si>
    <t>726227-94790-2015.gz</t>
  </si>
  <si>
    <t>723115-53854-2014.gz</t>
  </si>
  <si>
    <t>3MILE HILL</t>
  </si>
  <si>
    <t>726837-24162-1992.gz</t>
  </si>
  <si>
    <t>BORREGO</t>
  </si>
  <si>
    <t>TURNER GULCH</t>
  </si>
  <si>
    <t>726813-94195-2010.gz</t>
  </si>
  <si>
    <t>MACKEY FIRE</t>
  </si>
  <si>
    <t xml:space="preserve">"STATE ""SANDRA"""       </t>
  </si>
  <si>
    <t>725416-99999-2003.gz</t>
  </si>
  <si>
    <t>CHALLENGER</t>
  </si>
  <si>
    <t>722784-99999-1994.gz</t>
  </si>
  <si>
    <t>722268-93843-1996.gz</t>
  </si>
  <si>
    <t xml:space="preserve">SCHOHR                   </t>
  </si>
  <si>
    <t>BANDIT</t>
  </si>
  <si>
    <t>MS0    0909-4550130003</t>
  </si>
  <si>
    <t>MS0    1010-3341224001</t>
  </si>
  <si>
    <t>722347-13833-2010.gz</t>
  </si>
  <si>
    <t>DUSTY</t>
  </si>
  <si>
    <t>724565-13920-2014.gz</t>
  </si>
  <si>
    <t>725036-14757-2004.gz</t>
  </si>
  <si>
    <t>OLD FIELD</t>
  </si>
  <si>
    <t>1404 W HWY 84</t>
  </si>
  <si>
    <t>EAGLE UNIT II</t>
  </si>
  <si>
    <t>726685-94052-2010.gz</t>
  </si>
  <si>
    <t>FY2012-SUMTER-042</t>
  </si>
  <si>
    <t>722198-63819-2007.gz</t>
  </si>
  <si>
    <t>720627-00214-2012.gz</t>
  </si>
  <si>
    <t>FY2000-DECATUR-085</t>
  </si>
  <si>
    <t>ECR-20121031-002</t>
  </si>
  <si>
    <t>747807-03821-2012.gz</t>
  </si>
  <si>
    <t>HORSE.</t>
  </si>
  <si>
    <t>725847-93230-2002.gz</t>
  </si>
  <si>
    <t>723403-13963-2003.gz</t>
  </si>
  <si>
    <t>CR 1130 AND CR 1141</t>
  </si>
  <si>
    <t>722448-13972-2011.gz</t>
  </si>
  <si>
    <t>725474-04915-2012.gz</t>
  </si>
  <si>
    <t>MADERA</t>
  </si>
  <si>
    <t>SWR-20150308-007</t>
  </si>
  <si>
    <t>PLAYGROUND</t>
  </si>
  <si>
    <t>726560-99999-1993.gz</t>
  </si>
  <si>
    <t>COLFCOURSE</t>
  </si>
  <si>
    <t>2SBLISS1</t>
  </si>
  <si>
    <t>UPSHUR LANDING</t>
  </si>
  <si>
    <t xml:space="preserve">CLOVERDALE               </t>
  </si>
  <si>
    <t>GRAVE YARD FIRE</t>
  </si>
  <si>
    <t>HWY. 74&amp;95</t>
  </si>
  <si>
    <t>RAIL ROAD SPRINGS</t>
  </si>
  <si>
    <t xml:space="preserve">MT VIEW                  </t>
  </si>
  <si>
    <t>723105-93833-1998.gz</t>
  </si>
  <si>
    <t>723415-99999-2005.gz</t>
  </si>
  <si>
    <t>727555-99999-1994.gz</t>
  </si>
  <si>
    <t>690190-13910-2008.gz</t>
  </si>
  <si>
    <t>8 MILE</t>
  </si>
  <si>
    <t>MM70 I84</t>
  </si>
  <si>
    <t>726815-24106-2012.gz</t>
  </si>
  <si>
    <t>722104-92806-1994.gz</t>
  </si>
  <si>
    <t>722340-13865-1992.gz</t>
  </si>
  <si>
    <t>WILDMAN RONNIE</t>
  </si>
  <si>
    <t>723896-99999-1998.gz</t>
  </si>
  <si>
    <t>STUCK FIRE</t>
  </si>
  <si>
    <t>RAILWAY</t>
  </si>
  <si>
    <t>726667-24048-2013.gz</t>
  </si>
  <si>
    <t>744104-99999-2005.gz</t>
  </si>
  <si>
    <t>10-009</t>
  </si>
  <si>
    <t>722112-53982-2009.gz</t>
  </si>
  <si>
    <t>723566-93950-1991.gz</t>
  </si>
  <si>
    <t>723754-93027-2008.gz</t>
  </si>
  <si>
    <t>COLUSA NWR EAST BOUNDARY</t>
  </si>
  <si>
    <t>724838-93205-2009.gz</t>
  </si>
  <si>
    <t>BEAR BRANCH FOX LOT</t>
  </si>
  <si>
    <t>724190-03889-2011.gz</t>
  </si>
  <si>
    <t>RESERVATIONRD&amp;609-FIRE</t>
  </si>
  <si>
    <t>722537-12961-2011.gz</t>
  </si>
  <si>
    <t>722104-92806-1996.gz</t>
  </si>
  <si>
    <t>BUCKLAND ROAD FIRE</t>
  </si>
  <si>
    <t>723090-13754-1996.gz</t>
  </si>
  <si>
    <t>726228-94740-2007.gz</t>
  </si>
  <si>
    <t>FY2012-MUSCOGEE-001</t>
  </si>
  <si>
    <t>092 LEWIS</t>
  </si>
  <si>
    <t>722280-13876-1994.gz</t>
  </si>
  <si>
    <t xml:space="preserve">S DENVER AV /S JAMES RD  </t>
  </si>
  <si>
    <t>BROOM CREEK</t>
  </si>
  <si>
    <t>A00003-63844-2012.gz</t>
  </si>
  <si>
    <t>726079-99999-1995.gz</t>
  </si>
  <si>
    <t xml:space="preserve">PETTYJOHN                </t>
  </si>
  <si>
    <t>725910-24216-2002.gz</t>
  </si>
  <si>
    <t xml:space="preserve">MACHO                    </t>
  </si>
  <si>
    <t>NWR-20130329-003</t>
  </si>
  <si>
    <t>720505-00156-2013.gz</t>
  </si>
  <si>
    <t>STONE</t>
  </si>
  <si>
    <t>727640-24011-1997.gz</t>
  </si>
  <si>
    <t>720120-63837-2008.gz</t>
  </si>
  <si>
    <t>DUNNING</t>
  </si>
  <si>
    <t>722211-94087-2012.gz</t>
  </si>
  <si>
    <t>722820-03949-2008.gz</t>
  </si>
  <si>
    <t>722869-99999-1997.gz</t>
  </si>
  <si>
    <t>RITTLO</t>
  </si>
  <si>
    <t>HIGH ROCK</t>
  </si>
  <si>
    <t>CORINTH</t>
  </si>
  <si>
    <t>722390-03931-1993.gz</t>
  </si>
  <si>
    <t>33 &amp; 34 FIRE</t>
  </si>
  <si>
    <t>720939-99999-2012.gz</t>
  </si>
  <si>
    <t>GAUSE RANCH</t>
  </si>
  <si>
    <t>720303-53973-2008.gz</t>
  </si>
  <si>
    <t>725180-14735-2011.gz</t>
  </si>
  <si>
    <t>SCRAPE (05)</t>
  </si>
  <si>
    <t>998275-99999-2014.gz</t>
  </si>
  <si>
    <t>722485-13944-2010.gz</t>
  </si>
  <si>
    <t>WHERE'S THE</t>
  </si>
  <si>
    <t xml:space="preserve">FINNELL                  </t>
  </si>
  <si>
    <t>GREEN MILE</t>
  </si>
  <si>
    <t>725416-14864-2008.gz</t>
  </si>
  <si>
    <t>726545-99999-2005.gz</t>
  </si>
  <si>
    <t>726774-99999-2001.gz</t>
  </si>
  <si>
    <t>722869-03171-2014.gz</t>
  </si>
  <si>
    <t>722404-13941-2010.gz</t>
  </si>
  <si>
    <t>STUMP CITY</t>
  </si>
  <si>
    <t>GORDONBROOKSHIER CR374</t>
  </si>
  <si>
    <t>142 CT (42)</t>
  </si>
  <si>
    <t>722055-12861-2015.gz</t>
  </si>
  <si>
    <t>KNOB</t>
  </si>
  <si>
    <t>747915-93718-1995.gz</t>
  </si>
  <si>
    <t>723759-53990-2010.gz</t>
  </si>
  <si>
    <t>VAUGHT MTN.</t>
  </si>
  <si>
    <t>724270-99999-2002.gz</t>
  </si>
  <si>
    <t>997301-99999-2010.gz</t>
  </si>
  <si>
    <t>723307-99999-2001.gz</t>
  </si>
  <si>
    <t>KEWA</t>
  </si>
  <si>
    <t>PINE TOP LN.</t>
  </si>
  <si>
    <t xml:space="preserve">MANZANITA                </t>
  </si>
  <si>
    <t>747186-99999-1999.gz</t>
  </si>
  <si>
    <t>FM 986</t>
  </si>
  <si>
    <t>722489-53911-2011.gz</t>
  </si>
  <si>
    <t>EASTER BUNNY</t>
  </si>
  <si>
    <t>720295-53972-2008.gz</t>
  </si>
  <si>
    <t xml:space="preserve">CAFKU04215               </t>
  </si>
  <si>
    <t xml:space="preserve">DOGHOUSE                 </t>
  </si>
  <si>
    <t>722904-23196-1994.gz</t>
  </si>
  <si>
    <t>HWY 140  W/S SANTA FE  18</t>
  </si>
  <si>
    <t>724810-23203-2008.gz</t>
  </si>
  <si>
    <t>MICROWAVE</t>
  </si>
  <si>
    <t>722656-23040-2011.gz</t>
  </si>
  <si>
    <t>723143-99999-1992.gz</t>
  </si>
  <si>
    <t>723177-63807-2009.gz</t>
  </si>
  <si>
    <t>C&amp;R</t>
  </si>
  <si>
    <t>723484-99999-2003.gz</t>
  </si>
  <si>
    <t>RICE 3</t>
  </si>
  <si>
    <t>726579-94963-2010.gz</t>
  </si>
  <si>
    <t>723117-99999-2004.gz</t>
  </si>
  <si>
    <t>722470-03901-1997.gz</t>
  </si>
  <si>
    <t>722636-93042-2008.gz</t>
  </si>
  <si>
    <t xml:space="preserve">WALKER                   </t>
  </si>
  <si>
    <t>GARRETTS FORK</t>
  </si>
  <si>
    <t>HAYWIRE</t>
  </si>
  <si>
    <t>727790-24146-1999.gz</t>
  </si>
  <si>
    <t>F5 SET 2 (57)</t>
  </si>
  <si>
    <t>722226-93841-2015.gz</t>
  </si>
  <si>
    <t>WATER CAN</t>
  </si>
  <si>
    <t>725868-99999-1994.gz</t>
  </si>
  <si>
    <t>LOUISCOLVI</t>
  </si>
  <si>
    <t>723444-99999-2005.gz</t>
  </si>
  <si>
    <t>81 days 00:00:00.000000000</t>
  </si>
  <si>
    <t>720582-99999-2012.gz</t>
  </si>
  <si>
    <t>CAVE WFU</t>
  </si>
  <si>
    <t>FY2000-PICKENS-030</t>
  </si>
  <si>
    <t>FY2000-CAMDEN-099</t>
  </si>
  <si>
    <t>722060-13889-2000.gz</t>
  </si>
  <si>
    <t>SPADE</t>
  </si>
  <si>
    <t>RL 227</t>
  </si>
  <si>
    <t>727550-14958-2014.gz</t>
  </si>
  <si>
    <t>SEQ POINT</t>
  </si>
  <si>
    <t>GORHAM RR</t>
  </si>
  <si>
    <t>725180-14735-2001.gz</t>
  </si>
  <si>
    <t>DUMPMASTER</t>
  </si>
  <si>
    <t>723406-99999-2003.gz</t>
  </si>
  <si>
    <t>STUCK TRUCK</t>
  </si>
  <si>
    <t>ROAD 4683</t>
  </si>
  <si>
    <t>725485-14940-2006.gz</t>
  </si>
  <si>
    <t>724106-13728-2013.gz</t>
  </si>
  <si>
    <t>727825-94239-2002.gz</t>
  </si>
  <si>
    <t>EAST FORK #2</t>
  </si>
  <si>
    <t xml:space="preserve">TEHAMA-COLUSA            </t>
  </si>
  <si>
    <t>724973-99999-1994.gz</t>
  </si>
  <si>
    <t>RL128</t>
  </si>
  <si>
    <t>LINDEN - 88</t>
  </si>
  <si>
    <t>FY2002-WASHINGTON-035</t>
  </si>
  <si>
    <t>PIZZA</t>
  </si>
  <si>
    <t>CREEK018</t>
  </si>
  <si>
    <t>BORDEN GULCH</t>
  </si>
  <si>
    <t>CHRISTMAN</t>
  </si>
  <si>
    <t>724926-23258-2013.gz</t>
  </si>
  <si>
    <t>SWR-20130217-003</t>
  </si>
  <si>
    <t>DAL ROAD</t>
  </si>
  <si>
    <t>724084-04739-1995.gz</t>
  </si>
  <si>
    <t>REGIONAL</t>
  </si>
  <si>
    <t>998475-99999-2013.gz</t>
  </si>
  <si>
    <t>726502-99999-2000.gz</t>
  </si>
  <si>
    <t xml:space="preserve">HUNT                     </t>
  </si>
  <si>
    <t>CR 88</t>
  </si>
  <si>
    <t>722541-53914-2010.gz</t>
  </si>
  <si>
    <t xml:space="preserve">RIDGE                    </t>
  </si>
  <si>
    <t>1301 CR 514 BRUSH FIRE</t>
  </si>
  <si>
    <t>722499-53948-2015.gz</t>
  </si>
  <si>
    <t>AUGUSTUS RD.</t>
  </si>
  <si>
    <t>724140-13866-2015.gz</t>
  </si>
  <si>
    <t>STEEP</t>
  </si>
  <si>
    <t>HARVEY PETTIT RD / MINT 3</t>
  </si>
  <si>
    <t>ITS SLEETING FIRE</t>
  </si>
  <si>
    <t>WRIGHT ROAD FIRE</t>
  </si>
  <si>
    <t xml:space="preserve">ORMSBY                   </t>
  </si>
  <si>
    <t>722934-99999-2003.gz</t>
  </si>
  <si>
    <t>723435-53921-2006.gz</t>
  </si>
  <si>
    <t>COOKIE</t>
  </si>
  <si>
    <t>720357-53993-2008.gz</t>
  </si>
  <si>
    <t>723663-03012-2006.gz</t>
  </si>
  <si>
    <t xml:space="preserve">ELLIS FIRE </t>
  </si>
  <si>
    <t>MULSOW SOUTH</t>
  </si>
  <si>
    <t>724556-13989-2012.gz</t>
  </si>
  <si>
    <t>NEGLEY</t>
  </si>
  <si>
    <t>FY2002-EMANUEL-050</t>
  </si>
  <si>
    <t>FY2011-FLOYD-102</t>
  </si>
  <si>
    <t>PLUMMERS CREEK (45)</t>
  </si>
  <si>
    <t>720946-00326-2012.gz</t>
  </si>
  <si>
    <t xml:space="preserve">P G &amp; E #18              </t>
  </si>
  <si>
    <t>724077-99999-2003.gz</t>
  </si>
  <si>
    <t>TRAIL</t>
  </si>
  <si>
    <t>722103-99999-1998.gz</t>
  </si>
  <si>
    <t>SNAKE FIRE</t>
  </si>
  <si>
    <t>MODENA CANYON</t>
  </si>
  <si>
    <t>HEDGES</t>
  </si>
  <si>
    <t>723104-99999-2005.gz</t>
  </si>
  <si>
    <t>BURNHAM</t>
  </si>
  <si>
    <t>FY2003-CATOOSA-005</t>
  </si>
  <si>
    <t>994410-99999-1993.gz</t>
  </si>
  <si>
    <t>MILZ</t>
  </si>
  <si>
    <t>722686-23008-2012.gz</t>
  </si>
  <si>
    <t>RICELK</t>
  </si>
  <si>
    <t xml:space="preserve">BRADFORD                 </t>
  </si>
  <si>
    <t>725905-23275-2004.gz</t>
  </si>
  <si>
    <t>HOLSER CA VNC 18889</t>
  </si>
  <si>
    <t>745057-99999-1999.gz</t>
  </si>
  <si>
    <t>FOUR TANKS</t>
  </si>
  <si>
    <t>724756-23159-2005.gz</t>
  </si>
  <si>
    <t>MS0    1010-5391008002</t>
  </si>
  <si>
    <t>720401-00133-2011.gz</t>
  </si>
  <si>
    <t>CAPPELL</t>
  </si>
  <si>
    <t>722085-93831-2011.gz</t>
  </si>
  <si>
    <t>EXETER MOUNTAIN</t>
  </si>
  <si>
    <t>PICABO HIL</t>
  </si>
  <si>
    <t>725865-99999-2004.gz</t>
  </si>
  <si>
    <t>MS0    0909-3770322002</t>
  </si>
  <si>
    <t>CARCASS</t>
  </si>
  <si>
    <t>SOUTH 207-COUNTY LINE</t>
  </si>
  <si>
    <t>720627-00214-2011.gz</t>
  </si>
  <si>
    <t>SARA'S FIRST NIGHT</t>
  </si>
  <si>
    <t>722331-54941-2014.gz</t>
  </si>
  <si>
    <t>MACKVILLE</t>
  </si>
  <si>
    <t>D5 FIRE</t>
  </si>
  <si>
    <t>PLAIN VIEW</t>
  </si>
  <si>
    <t>FY2000-CRAWFORD-061</t>
  </si>
  <si>
    <t>727640-24011-2006.gz</t>
  </si>
  <si>
    <t>STAR GAP</t>
  </si>
  <si>
    <t>724236-03889-1996.gz</t>
  </si>
  <si>
    <t xml:space="preserve">SRA#165/PANTHER          </t>
  </si>
  <si>
    <t>723895-23149-2006.gz</t>
  </si>
  <si>
    <t>FY2015-JEFF DAVIS-016</t>
  </si>
  <si>
    <t>721035-00352-2014.gz</t>
  </si>
  <si>
    <t xml:space="preserve">GOSHEN                   </t>
  </si>
  <si>
    <t>723896-99999-2002.gz</t>
  </si>
  <si>
    <t>722164-53949-2011.gz</t>
  </si>
  <si>
    <t>726557-14910-1998.gz</t>
  </si>
  <si>
    <t>723449-99999-2005.gz</t>
  </si>
  <si>
    <t>306 E. LOUISIANA</t>
  </si>
  <si>
    <t>MS0    0808-4370413001</t>
  </si>
  <si>
    <t>722347-13833-2008.gz</t>
  </si>
  <si>
    <t>CORN STALKS BURN ON RANDY SMITH FARM</t>
  </si>
  <si>
    <t>CR 4700</t>
  </si>
  <si>
    <t>722576-03902-2011.gz</t>
  </si>
  <si>
    <t>2 MILE (18)</t>
  </si>
  <si>
    <t>720672-00485-2014.gz</t>
  </si>
  <si>
    <t>SCOTT RD / ABBOTT RD</t>
  </si>
  <si>
    <t>722860-23119-2015.gz</t>
  </si>
  <si>
    <t>PENENERI</t>
  </si>
  <si>
    <t>744864-99999-2003.gz</t>
  </si>
  <si>
    <t xml:space="preserve">FULLAM                   </t>
  </si>
  <si>
    <t>724957-99999-1992.gz</t>
  </si>
  <si>
    <t>722265-13821-2005.gz</t>
  </si>
  <si>
    <t>OLD HWY 111</t>
  </si>
  <si>
    <t>723448-53934-2006.gz</t>
  </si>
  <si>
    <t>702615-99999-1998.gz</t>
  </si>
  <si>
    <t>725490-94933-2012.gz</t>
  </si>
  <si>
    <t>724115-99999-1997.gz</t>
  </si>
  <si>
    <t>WET RIDGE</t>
  </si>
  <si>
    <t>725155-94761-2010.gz</t>
  </si>
  <si>
    <t>722202-99999-2005.gz</t>
  </si>
  <si>
    <t>HWY 99  S/ HWY 152 W ON R</t>
  </si>
  <si>
    <t>SWR-20150221-001</t>
  </si>
  <si>
    <t>ROCK CREEK</t>
  </si>
  <si>
    <t>433RENDVO2</t>
  </si>
  <si>
    <t>723119-13886-2007.gz</t>
  </si>
  <si>
    <t>135 JANUARY</t>
  </si>
  <si>
    <t>EAGLE 3</t>
  </si>
  <si>
    <t>724755-93129-2006.gz</t>
  </si>
  <si>
    <t>720602-00194-2012.gz</t>
  </si>
  <si>
    <t>723435-99999-2002.gz</t>
  </si>
  <si>
    <t>725119-54792-2008.gz</t>
  </si>
  <si>
    <t>STATE FIRE</t>
  </si>
  <si>
    <t>724097-99999-1999.gz</t>
  </si>
  <si>
    <t>FOUNT OUT 1</t>
  </si>
  <si>
    <t>FY2001-JASPER-023</t>
  </si>
  <si>
    <t>724833-23206-2008.gz</t>
  </si>
  <si>
    <t>FY2002-PIKE-046</t>
  </si>
  <si>
    <t>FM 433 &amp; CR 107</t>
  </si>
  <si>
    <t>NICE TRY</t>
  </si>
  <si>
    <t>747760-03818-2005.gz</t>
  </si>
  <si>
    <t>RL194</t>
  </si>
  <si>
    <t>EDEN GROVE</t>
  </si>
  <si>
    <t>725197-94794-2007.gz</t>
  </si>
  <si>
    <t>725155-94761-2014.gz</t>
  </si>
  <si>
    <t>FY2013-FRANKLIN-007</t>
  </si>
  <si>
    <t>JENNY GULCH</t>
  </si>
  <si>
    <t>HENDERSON - 166</t>
  </si>
  <si>
    <t>722448-13972-2009.gz</t>
  </si>
  <si>
    <t>EOF RESERV</t>
  </si>
  <si>
    <t>726885-24152-2002.gz</t>
  </si>
  <si>
    <t>DOUBLE X</t>
  </si>
  <si>
    <t>911975-99999-2004.gz</t>
  </si>
  <si>
    <t>723274-00372-2012.gz</t>
  </si>
  <si>
    <t>JACKRABBIT</t>
  </si>
  <si>
    <t>NER-20140801-001</t>
  </si>
  <si>
    <t>725036-14757-2013.gz</t>
  </si>
  <si>
    <t>726436-99999-2001.gz</t>
  </si>
  <si>
    <t>MS0    0808-4370202002</t>
  </si>
  <si>
    <t>FISH</t>
  </si>
  <si>
    <t>LONG RD</t>
  </si>
  <si>
    <t>726988-24219-2004.gz</t>
  </si>
  <si>
    <t>725037-94745-2002.gz</t>
  </si>
  <si>
    <t>725207-54735-2009.gz</t>
  </si>
  <si>
    <t>CARTER FIRE</t>
  </si>
  <si>
    <t xml:space="preserve">PHELAN                   </t>
  </si>
  <si>
    <t>723114-99999-1999.gz</t>
  </si>
  <si>
    <t>725146-99999-2003.gz</t>
  </si>
  <si>
    <t>NEW21047754</t>
  </si>
  <si>
    <t>723629-53998-2008.gz</t>
  </si>
  <si>
    <t>GREEN FIRE</t>
  </si>
  <si>
    <t>723068-99999-1996.gz</t>
  </si>
  <si>
    <t>724017-03707-2011.gz</t>
  </si>
  <si>
    <t>EAST LAKE # 2</t>
  </si>
  <si>
    <t>FY2001-CLAYTON-014</t>
  </si>
  <si>
    <t>726556-14992-2014.gz</t>
  </si>
  <si>
    <t>722095-03030-2008.gz</t>
  </si>
  <si>
    <t>747809-03832-2008.gz</t>
  </si>
  <si>
    <t>WILLOW</t>
  </si>
  <si>
    <t>THIA</t>
  </si>
  <si>
    <t>727475-99999-1993.gz</t>
  </si>
  <si>
    <t>722820-03949-2006.gz</t>
  </si>
  <si>
    <t>ST 2818500</t>
  </si>
  <si>
    <t>722054-53959-2014.gz</t>
  </si>
  <si>
    <t>MOTHER'S DAY</t>
  </si>
  <si>
    <t>727810-24243-1997.gz</t>
  </si>
  <si>
    <t>BUD ELIS</t>
  </si>
  <si>
    <t xml:space="preserve">HUARTE                   </t>
  </si>
  <si>
    <t>MAGGIE FIRE</t>
  </si>
  <si>
    <t>727770-94012-2006.gz</t>
  </si>
  <si>
    <t>WEST HIP-O RANCH</t>
  </si>
  <si>
    <t>SALT</t>
  </si>
  <si>
    <t>723756-99999-1995.gz</t>
  </si>
  <si>
    <t>727834-99999-2001.gz</t>
  </si>
  <si>
    <t>CORRIDOR G.</t>
  </si>
  <si>
    <t>724220-93820-2005.gz</t>
  </si>
  <si>
    <t>#7165</t>
  </si>
  <si>
    <t>725045-14758-2008.gz</t>
  </si>
  <si>
    <t>HOOKER</t>
  </si>
  <si>
    <t>INTERSECTION</t>
  </si>
  <si>
    <t xml:space="preserve">BRYANT                   </t>
  </si>
  <si>
    <t>725145-54746-2008.gz</t>
  </si>
  <si>
    <t>COW CROSS HOLLOW</t>
  </si>
  <si>
    <t>BIG BEN</t>
  </si>
  <si>
    <t>HAULOVGROV</t>
  </si>
  <si>
    <t>723068-99999-2005.gz</t>
  </si>
  <si>
    <t xml:space="preserve">NEAL                     </t>
  </si>
  <si>
    <t>723200-93801-1997.gz</t>
  </si>
  <si>
    <t>DONT KNOW FIRE</t>
  </si>
  <si>
    <t>723145-03810-1999.gz</t>
  </si>
  <si>
    <t>723416-99999-2003.gz</t>
  </si>
  <si>
    <t>DEEP RUN FIRE</t>
  </si>
  <si>
    <t>LIVINGSTON - 315</t>
  </si>
  <si>
    <t>095 DOG</t>
  </si>
  <si>
    <t>FY2000-MONTGOMERY-019</t>
  </si>
  <si>
    <t>722188-53985-2012.gz</t>
  </si>
  <si>
    <t>725180-14735-2008.gz</t>
  </si>
  <si>
    <t>WILLOWCRK</t>
  </si>
  <si>
    <t>US HWY. 83</t>
  </si>
  <si>
    <t>720584-00181-2011.gz</t>
  </si>
  <si>
    <t>MP73 I84</t>
  </si>
  <si>
    <t>JAKE'S</t>
  </si>
  <si>
    <t>(GL) WILDERNESS (648)</t>
  </si>
  <si>
    <t>722109-00355-2005.gz</t>
  </si>
  <si>
    <t>726228-99999-1998.gz</t>
  </si>
  <si>
    <t>FY2002-DOOLY-023</t>
  </si>
  <si>
    <t>724089-13781-2001.gz</t>
  </si>
  <si>
    <t>NOFUOSHOP</t>
  </si>
  <si>
    <t>722486-13942-1999.gz</t>
  </si>
  <si>
    <t>FY2014-FRANKLIN-018</t>
  </si>
  <si>
    <t>749483-00394-2014.gz</t>
  </si>
  <si>
    <t xml:space="preserve">RICKENBACKER WY  PCFD    </t>
  </si>
  <si>
    <t>BENNETT RD</t>
  </si>
  <si>
    <t>720261-53976-2012.gz</t>
  </si>
  <si>
    <t>747910-13717-2005.gz</t>
  </si>
  <si>
    <t>722123-99999-1992.gz</t>
  </si>
  <si>
    <t>723118-53850-2007.gz</t>
  </si>
  <si>
    <t>720604-00196-2010.gz</t>
  </si>
  <si>
    <t>MS1814</t>
  </si>
  <si>
    <t>MANUEL PEREZ ST.</t>
  </si>
  <si>
    <t>OWLS BRANC</t>
  </si>
  <si>
    <t>NOR-20141129-005</t>
  </si>
  <si>
    <t>720376-63880-2014.gz</t>
  </si>
  <si>
    <t>R46</t>
  </si>
  <si>
    <t>ROBERTA</t>
  </si>
  <si>
    <t>722505-12904-2011.gz</t>
  </si>
  <si>
    <t>NEW MINE</t>
  </si>
  <si>
    <t>CUATRO</t>
  </si>
  <si>
    <t>747240-03148-2013.gz</t>
  </si>
  <si>
    <t>723087-93735-1999.gz</t>
  </si>
  <si>
    <t>723340-13893-1992.gz</t>
  </si>
  <si>
    <t>R207</t>
  </si>
  <si>
    <t>727550-99999-1997.gz</t>
  </si>
  <si>
    <t>RABBITSPR</t>
  </si>
  <si>
    <t>725866-99999-1996.gz</t>
  </si>
  <si>
    <t>JORDAN CREEK</t>
  </si>
  <si>
    <t>67 days 00:00:00.000000000</t>
  </si>
  <si>
    <t>701793-26524-2007.gz</t>
  </si>
  <si>
    <t>TEAGUE METAL</t>
  </si>
  <si>
    <t xml:space="preserve">HARVILL                  </t>
  </si>
  <si>
    <t>GREENWALT</t>
  </si>
  <si>
    <t>NORTH SIESTA &amp; PENA LN GRASS FIRE</t>
  </si>
  <si>
    <t xml:space="preserve">PARTRICK                 </t>
  </si>
  <si>
    <t>724955-99999-1994.gz</t>
  </si>
  <si>
    <t>WILD CARD RANCH FIRE</t>
  </si>
  <si>
    <t>ACKLIN</t>
  </si>
  <si>
    <t>BURTIS</t>
  </si>
  <si>
    <t>702615-26498-2009.gz</t>
  </si>
  <si>
    <t>723084-93775-2005.gz</t>
  </si>
  <si>
    <t>725156-99999-2002.gz</t>
  </si>
  <si>
    <t>FY2012-BALDWIN-016</t>
  </si>
  <si>
    <t>FY2002-EMANUEL-090</t>
  </si>
  <si>
    <t>722250-99999-2001.gz</t>
  </si>
  <si>
    <t>HICKEY CREEK</t>
  </si>
  <si>
    <t>725408-04881-2007.gz</t>
  </si>
  <si>
    <t>MCCORMICK ROAD</t>
  </si>
  <si>
    <t>724400-13995-1992.gz</t>
  </si>
  <si>
    <t>726561-94997-2009.gz</t>
  </si>
  <si>
    <t>DOVE COMPLEX</t>
  </si>
  <si>
    <t>DALTON 1</t>
  </si>
  <si>
    <t>725958-99999-1996.gz</t>
  </si>
  <si>
    <t>727573-99999-1994.gz</t>
  </si>
  <si>
    <t>EAGLECREEK</t>
  </si>
  <si>
    <t>725784-99999-1999.gz</t>
  </si>
  <si>
    <t>DOVE</t>
  </si>
  <si>
    <t>NUMBER 19</t>
  </si>
  <si>
    <t>725717-03016-2007.gz</t>
  </si>
  <si>
    <t>1606 &amp; 84</t>
  </si>
  <si>
    <t>722122-03050-2015.gz</t>
  </si>
  <si>
    <t>722031-63839-2007.gz</t>
  </si>
  <si>
    <t>S HWY 342</t>
  </si>
  <si>
    <t>FLAMINGO PRESERVE (28)</t>
  </si>
  <si>
    <t>FORGET ME NOT</t>
  </si>
  <si>
    <t>720369-04135-2007.gz</t>
  </si>
  <si>
    <t>726525-94911-2008.gz</t>
  </si>
  <si>
    <t>LIVINGSTON - 269</t>
  </si>
  <si>
    <t>725087-14752-2001.gz</t>
  </si>
  <si>
    <t>HAMMOCK  (47)</t>
  </si>
  <si>
    <t>722261-00360-2011.gz</t>
  </si>
  <si>
    <t>MICHEEL</t>
  </si>
  <si>
    <t>BEAR PAW</t>
  </si>
  <si>
    <t>BAY CREEK COMPLEX</t>
  </si>
  <si>
    <t>722200-12832-1999.gz</t>
  </si>
  <si>
    <t>FY2002-LOWNDES-093</t>
  </si>
  <si>
    <t xml:space="preserve">MASTERS                  </t>
  </si>
  <si>
    <t>THICKET</t>
  </si>
  <si>
    <t>747946-99999-2002.gz</t>
  </si>
  <si>
    <t>NOR</t>
  </si>
  <si>
    <t>MAIN STREET GRASS FIRE</t>
  </si>
  <si>
    <t>722598-03970-2012.gz</t>
  </si>
  <si>
    <t xml:space="preserve">LA GLORIA                </t>
  </si>
  <si>
    <t>724917-23233-1998.gz</t>
  </si>
  <si>
    <t>JARRELLS BRANCH</t>
  </si>
  <si>
    <t>REX CALHAN</t>
  </si>
  <si>
    <t>ELKHORN</t>
  </si>
  <si>
    <t>723898-53119-2011.gz</t>
  </si>
  <si>
    <t>722103-99999-2001.gz</t>
  </si>
  <si>
    <t>720326-04981-2014.gz</t>
  </si>
  <si>
    <t>723104-99999-1999.gz</t>
  </si>
  <si>
    <t>720274-93799-2009.gz</t>
  </si>
  <si>
    <t>PANTANO</t>
  </si>
  <si>
    <t>SWR-20120630-002</t>
  </si>
  <si>
    <t>722220-99999-2012.gz</t>
  </si>
  <si>
    <t>725156-14748-2009.gz</t>
  </si>
  <si>
    <t>PICKETT</t>
  </si>
  <si>
    <t>JERSEY ROAD (40)</t>
  </si>
  <si>
    <t>722166-93845-2014.gz</t>
  </si>
  <si>
    <t>ROMERO</t>
  </si>
  <si>
    <t>720411-00137-2011.gz</t>
  </si>
  <si>
    <t>ARMADILLO</t>
  </si>
  <si>
    <t>723895-99999-2002.gz</t>
  </si>
  <si>
    <t>SIMPSON</t>
  </si>
  <si>
    <t xml:space="preserve">FKU #17732               </t>
  </si>
  <si>
    <t>G POND FIRE</t>
  </si>
  <si>
    <t>726578-99999-1993.gz</t>
  </si>
  <si>
    <t>CHESTNUT LAKE LYNN</t>
  </si>
  <si>
    <t>724175-99999-1994.gz</t>
  </si>
  <si>
    <t>SANDPIPER</t>
  </si>
  <si>
    <t>COUNTY SEAT</t>
  </si>
  <si>
    <t>BRUCE</t>
  </si>
  <si>
    <t>HWY 29   HIDDEN_VALLEY</t>
  </si>
  <si>
    <t>CUT ROCK</t>
  </si>
  <si>
    <t>FY2000-HANCOCK-048</t>
  </si>
  <si>
    <t>FRANKISH</t>
  </si>
  <si>
    <t>723761-23901-2006.gz</t>
  </si>
  <si>
    <t>ROCA</t>
  </si>
  <si>
    <t>745056-53120-2007.gz</t>
  </si>
  <si>
    <t>BLACK CK</t>
  </si>
  <si>
    <t>MUZZLELOADER</t>
  </si>
  <si>
    <t>ECR-20130915-001</t>
  </si>
  <si>
    <t xml:space="preserve">LIGHTNING#26             </t>
  </si>
  <si>
    <t>722589-03991-2008.gz</t>
  </si>
  <si>
    <t>720394-99999-2008.gz</t>
  </si>
  <si>
    <t>723068-99999-1994.gz</t>
  </si>
  <si>
    <t>BLUEBERRY FARM</t>
  </si>
  <si>
    <t>FY2014-LAURENS-073</t>
  </si>
  <si>
    <t>RICE VALLEY</t>
  </si>
  <si>
    <t>726904-24231-1999.gz</t>
  </si>
  <si>
    <t>MT. ZION ROAD</t>
  </si>
  <si>
    <t>ENERGY</t>
  </si>
  <si>
    <t>747810-99999-2004.gz</t>
  </si>
  <si>
    <t>696 OAKDALE CIR.</t>
  </si>
  <si>
    <t>722561-99999-2009.gz</t>
  </si>
  <si>
    <t>PLANE 7 FIRE</t>
  </si>
  <si>
    <t>746925-99999-2001.gz</t>
  </si>
  <si>
    <t>722119-99999-1997.gz</t>
  </si>
  <si>
    <t>FM 2272 AND CO. RD. 22</t>
  </si>
  <si>
    <t>WALK</t>
  </si>
  <si>
    <t>INDIAN SPRINGS</t>
  </si>
  <si>
    <t>MOUSE CR.</t>
  </si>
  <si>
    <t>726517-99999-1999.gz</t>
  </si>
  <si>
    <t>BLUE BANKS</t>
  </si>
  <si>
    <t>726876-99999-2001.gz</t>
  </si>
  <si>
    <t xml:space="preserve">LIGHTING                 </t>
  </si>
  <si>
    <t>998187-99999-2010.gz</t>
  </si>
  <si>
    <t>LONG WALK</t>
  </si>
  <si>
    <t>GALLS CRK</t>
  </si>
  <si>
    <t>725970-24225-2000.gz</t>
  </si>
  <si>
    <t>FY2000-WORTH-094</t>
  </si>
  <si>
    <t>DUCK HILL</t>
  </si>
  <si>
    <t>724880-23185-1995.gz</t>
  </si>
  <si>
    <t>HORSEFLY</t>
  </si>
  <si>
    <t>726525-94911-2012.gz</t>
  </si>
  <si>
    <t>724007-03719-2005.gz</t>
  </si>
  <si>
    <t>ROCKIN B RANCH</t>
  </si>
  <si>
    <t>FY2002-DOUGLAS-011</t>
  </si>
  <si>
    <t>FY2013-TOOMBS-025</t>
  </si>
  <si>
    <t>722134-63822-2013.gz</t>
  </si>
  <si>
    <t>LITTLE</t>
  </si>
  <si>
    <t>720631-00217-2013.gz</t>
  </si>
  <si>
    <t>PELAN FIRE</t>
  </si>
  <si>
    <t>727478-99999-2003.gz</t>
  </si>
  <si>
    <t>BRADEN RD / SNOWS RD</t>
  </si>
  <si>
    <t>720645-00227-2015.gz</t>
  </si>
  <si>
    <t>WOODS 2-20-11</t>
  </si>
  <si>
    <t>MS1706</t>
  </si>
  <si>
    <t>FY2011-SPALDING-025</t>
  </si>
  <si>
    <t>722197-53819-2011.gz</t>
  </si>
  <si>
    <t>LAWRENCE</t>
  </si>
  <si>
    <t>722322-00361-2007.gz</t>
  </si>
  <si>
    <t>723444-99999-1993.gz</t>
  </si>
  <si>
    <t>RD 222  / PINE POINT PICN</t>
  </si>
  <si>
    <t>SOUTH CAROLINA FIRE</t>
  </si>
  <si>
    <t>747915-93718-2004.gz</t>
  </si>
  <si>
    <t>DAVIS CREEK</t>
  </si>
  <si>
    <t>722177-63811-2015.gz</t>
  </si>
  <si>
    <t>PANOCHE</t>
  </si>
  <si>
    <t xml:space="preserve">PHILLIPS                 </t>
  </si>
  <si>
    <t>724815-99999-2005.gz</t>
  </si>
  <si>
    <t>724635-23067-2003.gz</t>
  </si>
  <si>
    <t>UPPER WEST HORSE</t>
  </si>
  <si>
    <t>726865-99999-2003.gz</t>
  </si>
  <si>
    <t>723124-53874-2012.gz</t>
  </si>
  <si>
    <t>LONGIE</t>
  </si>
  <si>
    <t>723723-23184-1994.gz</t>
  </si>
  <si>
    <t>911700-22508-2007.gz</t>
  </si>
  <si>
    <t>FM 385N &amp; KC434</t>
  </si>
  <si>
    <t>W MANNING AV /S CALAVERAS</t>
  </si>
  <si>
    <t>PLAZA</t>
  </si>
  <si>
    <t>722024-99999-1993.gz</t>
  </si>
  <si>
    <t>725156-14748-2004.gz</t>
  </si>
  <si>
    <t>DIESEL WELL</t>
  </si>
  <si>
    <t>722164-53949-2010.gz</t>
  </si>
  <si>
    <t>724769-94035-2008.gz</t>
  </si>
  <si>
    <t>GRASS FIRE HWY 377 N</t>
  </si>
  <si>
    <t>LRSP ROAD POWERLINE FIRE</t>
  </si>
  <si>
    <t>A00031</t>
  </si>
  <si>
    <t>725780-24156-2001.gz</t>
  </si>
  <si>
    <t>BEECH FORK</t>
  </si>
  <si>
    <t>CEDERBEND WMA</t>
  </si>
  <si>
    <t>FY2000-LONG-032</t>
  </si>
  <si>
    <t>743700-14715-2006.gz</t>
  </si>
  <si>
    <t>380 &amp; JEAN</t>
  </si>
  <si>
    <t>720318-53965-2013.gz</t>
  </si>
  <si>
    <t>WASH II</t>
  </si>
  <si>
    <t>722747-99999-2003.gz</t>
  </si>
  <si>
    <t>727855-99999-2003.gz</t>
  </si>
  <si>
    <t xml:space="preserve">"DENSON, K."             </t>
  </si>
  <si>
    <t>725920-24257-1995.gz</t>
  </si>
  <si>
    <t>D-MOUNTAIN</t>
  </si>
  <si>
    <t>723445-93993-2011.gz</t>
  </si>
  <si>
    <t>WILDLAND10-2010</t>
  </si>
  <si>
    <t>727857-99999-1995.gz</t>
  </si>
  <si>
    <t>DEAD HEAD</t>
  </si>
  <si>
    <t>722039-99999-2004.gz</t>
  </si>
  <si>
    <t>HOUSE ROCK</t>
  </si>
  <si>
    <t>726987-99999-2002.gz</t>
  </si>
  <si>
    <t>CABBO-DABBO</t>
  </si>
  <si>
    <t>720358-53999-2012.gz</t>
  </si>
  <si>
    <t>FREEWAY</t>
  </si>
  <si>
    <t>BITTER CREEK</t>
  </si>
  <si>
    <t>726884-24148-2002.gz</t>
  </si>
  <si>
    <t>BEASON HOLLOW</t>
  </si>
  <si>
    <t>POWER STATION (53)</t>
  </si>
  <si>
    <t>724014-93714-2008.gz</t>
  </si>
  <si>
    <t>NORTH SIDE</t>
  </si>
  <si>
    <t>722720-93063-2007.gz</t>
  </si>
  <si>
    <t>HOLTEN</t>
  </si>
  <si>
    <t>998009-99999-2014.gz</t>
  </si>
  <si>
    <t>FY2000-BARTOW-101</t>
  </si>
  <si>
    <t>723055-63816-2006.gz</t>
  </si>
  <si>
    <t>CUPPER CANYON</t>
  </si>
  <si>
    <t>HENRY</t>
  </si>
  <si>
    <t>727475-99999-2000.gz</t>
  </si>
  <si>
    <t>LOVELL35</t>
  </si>
  <si>
    <t>727834-99999-2000.gz</t>
  </si>
  <si>
    <t>FIREWORK</t>
  </si>
  <si>
    <t>726525-99999-2000.gz</t>
  </si>
  <si>
    <t>726504-54838-2007.gz</t>
  </si>
  <si>
    <t>POST</t>
  </si>
  <si>
    <t>726515-94902-2012.gz</t>
  </si>
  <si>
    <t>FY2012-WASHINGTON-022</t>
  </si>
  <si>
    <t>726574-99999-1996.gz</t>
  </si>
  <si>
    <t>723055-63816-2008.gz</t>
  </si>
  <si>
    <t>FY2002-CARROLL-095</t>
  </si>
  <si>
    <t xml:space="preserve">HAY                      </t>
  </si>
  <si>
    <t>723119-13886-2010.gz</t>
  </si>
  <si>
    <t>CRAZY COW WFU</t>
  </si>
  <si>
    <t>723783-03195-2006.gz</t>
  </si>
  <si>
    <t>LA VERNE</t>
  </si>
  <si>
    <t>747040-99999-2002.gz</t>
  </si>
  <si>
    <t>CHURCH</t>
  </si>
  <si>
    <t>722071-99999-2005.gz</t>
  </si>
  <si>
    <t>FT. GATES</t>
  </si>
  <si>
    <t>NEW BAYVIEW (30)</t>
  </si>
  <si>
    <t>722269-03850-2011.gz</t>
  </si>
  <si>
    <t>FY2012-FAYETTE-003</t>
  </si>
  <si>
    <t xml:space="preserve">TOSTE                    </t>
  </si>
  <si>
    <t>724815-99999-1997.gz</t>
  </si>
  <si>
    <t>BREAM POND 23</t>
  </si>
  <si>
    <t>722012-92817-2010.gz</t>
  </si>
  <si>
    <t>I DON'T KNOW FIRE</t>
  </si>
  <si>
    <t>720271-03044-2007.gz</t>
  </si>
  <si>
    <t>FY2015-THOMAS-010</t>
  </si>
  <si>
    <t>722235-13838-2005.gz</t>
  </si>
  <si>
    <t>WF TEXAS POINT WHITE AND NERDY</t>
  </si>
  <si>
    <t>RECLAIM</t>
  </si>
  <si>
    <t xml:space="preserve">MAPLE INC                </t>
  </si>
  <si>
    <t>723898-99999-1998.gz</t>
  </si>
  <si>
    <t>HAMILTON</t>
  </si>
  <si>
    <t>BOOM</t>
  </si>
  <si>
    <t>725140-14778-2009.gz</t>
  </si>
  <si>
    <t>725128-54739-2010.gz</t>
  </si>
  <si>
    <t>722018-99999-2001.gz</t>
  </si>
  <si>
    <t>998264-99999-2010.gz</t>
  </si>
  <si>
    <t>NALTAZAN</t>
  </si>
  <si>
    <t>GRUBB CEM.</t>
  </si>
  <si>
    <t>722189-92815-2007.gz</t>
  </si>
  <si>
    <t>727476-94961-1997.gz</t>
  </si>
  <si>
    <t>TH1708</t>
  </si>
  <si>
    <t>FY2000-MORGAN-010</t>
  </si>
  <si>
    <t>723630-23047-2007.gz</t>
  </si>
  <si>
    <t>MS0    0909-1700209009</t>
  </si>
  <si>
    <t>723429-53920-2010.gz</t>
  </si>
  <si>
    <t>MATOAKA</t>
  </si>
  <si>
    <t>723060-13722-1992.gz</t>
  </si>
  <si>
    <t>FY2015-FLOYD-018</t>
  </si>
  <si>
    <t>723200-93801-2015.gz</t>
  </si>
  <si>
    <t>LD2201</t>
  </si>
  <si>
    <t>722176-53884-2009.gz</t>
  </si>
  <si>
    <t>722355-93999-2013.gz</t>
  </si>
  <si>
    <t>MS0    1010-5741022001</t>
  </si>
  <si>
    <t>PANTHER GULCH</t>
  </si>
  <si>
    <t>722040-12838-2007.gz</t>
  </si>
  <si>
    <t>DAVIS</t>
  </si>
  <si>
    <t>WA1814</t>
  </si>
  <si>
    <t>WIND</t>
  </si>
  <si>
    <t>722880-23152-2015.gz</t>
  </si>
  <si>
    <t>083 HUNTER CAMP</t>
  </si>
  <si>
    <t>722390-03931-2010.gz</t>
  </si>
  <si>
    <t>722185-99999-2004.gz</t>
  </si>
  <si>
    <t>SWR-20130330-002</t>
  </si>
  <si>
    <t>MARTIN P</t>
  </si>
  <si>
    <t>FY2001-FLOYD-041</t>
  </si>
  <si>
    <t>WALLACE</t>
  </si>
  <si>
    <t>HOOKER CR</t>
  </si>
  <si>
    <t>726813-99999-1996.gz</t>
  </si>
  <si>
    <t>PURGATORY</t>
  </si>
  <si>
    <t>722416-12971-2006.gz</t>
  </si>
  <si>
    <t>WF FENCE LAKE</t>
  </si>
  <si>
    <t>994260-99999-2010.gz</t>
  </si>
  <si>
    <t>HENRY BRADLEY FIRE</t>
  </si>
  <si>
    <t>RAPHAEL</t>
  </si>
  <si>
    <t>727640-24011-2002.gz</t>
  </si>
  <si>
    <t>MICCO BLUFF  (47)</t>
  </si>
  <si>
    <t>BUSCH</t>
  </si>
  <si>
    <t>725145-54746-2011.gz</t>
  </si>
  <si>
    <t>0101212-01</t>
  </si>
  <si>
    <t>727497-99999-2002.gz</t>
  </si>
  <si>
    <t>723403-13963-2009.gz</t>
  </si>
  <si>
    <t>DOUGLAS BYRD 2 FIRE</t>
  </si>
  <si>
    <t>723035-93740-2013.gz</t>
  </si>
  <si>
    <t>725038-14714-2007.gz</t>
  </si>
  <si>
    <t>STERN</t>
  </si>
  <si>
    <t>171 CHELE RD.</t>
  </si>
  <si>
    <t>722108-99999-1992.gz</t>
  </si>
  <si>
    <t>VZCR 2307</t>
  </si>
  <si>
    <t>WALL STREET</t>
  </si>
  <si>
    <t>SWR-20130325-007</t>
  </si>
  <si>
    <t>E FALL CRK</t>
  </si>
  <si>
    <t>FY2001-LAURENS-098</t>
  </si>
  <si>
    <t>CR 1345</t>
  </si>
  <si>
    <t>BIG ERNIE FIRE</t>
  </si>
  <si>
    <t>724286-93824-2009.gz</t>
  </si>
  <si>
    <t>CORN 511</t>
  </si>
  <si>
    <t>724508-03997-2006.gz</t>
  </si>
  <si>
    <t>745056-53120-2012.gz</t>
  </si>
  <si>
    <t>SEARS FIRE</t>
  </si>
  <si>
    <t>725456-04921-2014.gz</t>
  </si>
  <si>
    <t>HURON</t>
  </si>
  <si>
    <t>722588-13926-2007.gz</t>
  </si>
  <si>
    <t>FWS 10</t>
  </si>
  <si>
    <t>SPRINGFIEL</t>
  </si>
  <si>
    <t>722280-13876-2003.gz</t>
  </si>
  <si>
    <t>722065-93837-2007.gz</t>
  </si>
  <si>
    <t>OR-MAF-185</t>
  </si>
  <si>
    <t>PENDOLA</t>
  </si>
  <si>
    <t>MARSH CREEK</t>
  </si>
  <si>
    <t>OTA 16</t>
  </si>
  <si>
    <t>726815-24106-1996.gz</t>
  </si>
  <si>
    <t>DRY CYN WA</t>
  </si>
  <si>
    <t>725717-99999-1992.gz</t>
  </si>
  <si>
    <t>SHOOTING RANGE</t>
  </si>
  <si>
    <t>722284-99999-1998.gz</t>
  </si>
  <si>
    <t>MS0    1010-4660326005</t>
  </si>
  <si>
    <t>722280-13876-1993.gz</t>
  </si>
  <si>
    <t>722359-13978-2003.gz</t>
  </si>
  <si>
    <t>UKN</t>
  </si>
  <si>
    <t>WRIGHT</t>
  </si>
  <si>
    <t>HENRY/ALEXANDER</t>
  </si>
  <si>
    <t>BIA 6</t>
  </si>
  <si>
    <t>725900-99999-1996.gz</t>
  </si>
  <si>
    <t>ART</t>
  </si>
  <si>
    <t>720110-53983-2007.gz</t>
  </si>
  <si>
    <t xml:space="preserve">SUN 3                    </t>
  </si>
  <si>
    <t xml:space="preserve">ROMERO                   </t>
  </si>
  <si>
    <t>LINDEN - 73</t>
  </si>
  <si>
    <t>743312-53925-2010.gz</t>
  </si>
  <si>
    <t>724350-03816-2008.gz</t>
  </si>
  <si>
    <t>PETE HALTER FIRE</t>
  </si>
  <si>
    <t>PURVIS RD.</t>
  </si>
  <si>
    <t>723109-93782-2011.gz</t>
  </si>
  <si>
    <t>720601-00193-2014.gz</t>
  </si>
  <si>
    <t>723030-13714-2006.gz</t>
  </si>
  <si>
    <t>MT HELEN CHURCH</t>
  </si>
  <si>
    <t>HEARTSTRONG</t>
  </si>
  <si>
    <t>720934-99999-2012.gz</t>
  </si>
  <si>
    <t>HWY 171 AND 206</t>
  </si>
  <si>
    <t>994380-99999-1992.gz</t>
  </si>
  <si>
    <t xml:space="preserve">SHAIN AV / REYNOLDS AV   </t>
  </si>
  <si>
    <t>HARDBURLY</t>
  </si>
  <si>
    <t>RAMSEY 2</t>
  </si>
  <si>
    <t>723447-99999-1995.gz</t>
  </si>
  <si>
    <t>SE310</t>
  </si>
  <si>
    <t>MS0    1010-4230402003</t>
  </si>
  <si>
    <t>722340-13865-1999.gz</t>
  </si>
  <si>
    <t>SWORD MAN</t>
  </si>
  <si>
    <t>BLACKWATER CHURCH FIRE</t>
  </si>
  <si>
    <t>722820-03949-2010.gz</t>
  </si>
  <si>
    <t>HILTON ROAD</t>
  </si>
  <si>
    <t>725314-99999-1999.gz</t>
  </si>
  <si>
    <t>SALMON DRIVE</t>
  </si>
  <si>
    <t>726920-24230-2011.gz</t>
  </si>
  <si>
    <t>725185-14750-2009.gz</t>
  </si>
  <si>
    <t>722213-12819-2007.gz</t>
  </si>
  <si>
    <t>BRICKYARD</t>
  </si>
  <si>
    <t>TREE (36)</t>
  </si>
  <si>
    <t>STOMP # 4</t>
  </si>
  <si>
    <t>A00003-63844-2007.gz</t>
  </si>
  <si>
    <t>723840-23155-2012.gz</t>
  </si>
  <si>
    <t>WEST POLLOCK</t>
  </si>
  <si>
    <t>724760-23066-2007.gz</t>
  </si>
  <si>
    <t>723425-00373-2012.gz</t>
  </si>
  <si>
    <t>RANGE 6 FIRE</t>
  </si>
  <si>
    <t>SHORT RUN</t>
  </si>
  <si>
    <t>724175-99999-1993.gz</t>
  </si>
  <si>
    <t>ELIJAH BRISTOW</t>
  </si>
  <si>
    <t>726945-99999-2000.gz</t>
  </si>
  <si>
    <t>LINCILN FIRE</t>
  </si>
  <si>
    <t>DISH RAG</t>
  </si>
  <si>
    <t>726830-94185-2001.gz</t>
  </si>
  <si>
    <t>NEAR 477</t>
  </si>
  <si>
    <t>724755-93129-2007.gz</t>
  </si>
  <si>
    <t>BALD MTN</t>
  </si>
  <si>
    <t>MCNARY RIDGE 3</t>
  </si>
  <si>
    <t>727845-24163-2010.gz</t>
  </si>
  <si>
    <t>720289-63836-2009.gz</t>
  </si>
  <si>
    <t>SASSAFRAS ROAD</t>
  </si>
  <si>
    <t>ANNIVERSARY</t>
  </si>
  <si>
    <t>747686-13820-2012.gz</t>
  </si>
  <si>
    <t>TRASH PILE</t>
  </si>
  <si>
    <t>BIG JARRELL</t>
  </si>
  <si>
    <t>723657-99999-1995.gz</t>
  </si>
  <si>
    <t>FORESTLK2</t>
  </si>
  <si>
    <t>ELECTRIC FENCE DOWN FIRE</t>
  </si>
  <si>
    <t>FROZEN TUNDRA FIRE</t>
  </si>
  <si>
    <t>722255-93842-2005.gz</t>
  </si>
  <si>
    <t>RIVER ROAD</t>
  </si>
  <si>
    <t>SWAMPII</t>
  </si>
  <si>
    <t>722688-93034-1997.gz</t>
  </si>
  <si>
    <t>AGUA</t>
  </si>
  <si>
    <t>TRAIL CANY</t>
  </si>
  <si>
    <t>JOE K WANNER</t>
  </si>
  <si>
    <t>LOW RENT</t>
  </si>
  <si>
    <t>JUNIPER</t>
  </si>
  <si>
    <t>725220-14750-2013.gz</t>
  </si>
  <si>
    <t>725845-23225-1996.gz</t>
  </si>
  <si>
    <t>WAGON</t>
  </si>
  <si>
    <t>720602-00194-2014.gz</t>
  </si>
  <si>
    <t>LADY FACE</t>
  </si>
  <si>
    <t>N. LOS BARRERAS</t>
  </si>
  <si>
    <t>COUNTY LINE ROAD 2</t>
  </si>
  <si>
    <t>725038-99999-2002.gz</t>
  </si>
  <si>
    <t>PHILLIPS SCHOOL RD</t>
  </si>
  <si>
    <t>720378-00122-2014.gz</t>
  </si>
  <si>
    <t>OLD 25</t>
  </si>
  <si>
    <t>723035-99999-1997.gz</t>
  </si>
  <si>
    <t>724765-99999-2004.gz</t>
  </si>
  <si>
    <t>LITTLE WOLF</t>
  </si>
  <si>
    <t>722187-93911-2009.gz</t>
  </si>
  <si>
    <t>PINON</t>
  </si>
  <si>
    <t>720724-99999-2012.gz</t>
  </si>
  <si>
    <t>722897-93206-2006.gz</t>
  </si>
  <si>
    <t>724459-99999-1997.gz</t>
  </si>
  <si>
    <t>WINGO</t>
  </si>
  <si>
    <t>724676-93073-2011.gz</t>
  </si>
  <si>
    <t>UNI8414824</t>
  </si>
  <si>
    <t>723419-93992-2014.gz</t>
  </si>
  <si>
    <t>OLIVE</t>
  </si>
  <si>
    <t>CRIDLAND</t>
  </si>
  <si>
    <t>726627-94037-2002.gz</t>
  </si>
  <si>
    <t>722285-03896-2009.gz</t>
  </si>
  <si>
    <t>WEST SHORE</t>
  </si>
  <si>
    <t>726626-04864-2006.gz</t>
  </si>
  <si>
    <t>HELLO</t>
  </si>
  <si>
    <t>725970-24225-2001.gz</t>
  </si>
  <si>
    <t>726487-99999-1998.gz</t>
  </si>
  <si>
    <t>LASTSTAND</t>
  </si>
  <si>
    <t>726508-94973-2010.gz</t>
  </si>
  <si>
    <t>BROOKS</t>
  </si>
  <si>
    <t>WINDROW</t>
  </si>
  <si>
    <t>723273-13827-2012.gz</t>
  </si>
  <si>
    <t>NUTRIAS</t>
  </si>
  <si>
    <t>723663-99999-1999.gz</t>
  </si>
  <si>
    <t>WORK CENTER</t>
  </si>
  <si>
    <t>FOSTER #1</t>
  </si>
  <si>
    <t>POWERS AIRPORT</t>
  </si>
  <si>
    <t>994240-99999-1996.gz</t>
  </si>
  <si>
    <t xml:space="preserve">WILLOW                   </t>
  </si>
  <si>
    <t>722319-99999-2005.gz</t>
  </si>
  <si>
    <t>DAUGTHERY SPRINGS</t>
  </si>
  <si>
    <t>722177-63811-2013.gz</t>
  </si>
  <si>
    <t>FY2012-TAYLOR-027</t>
  </si>
  <si>
    <t>FOUR OAKS FIRE</t>
  </si>
  <si>
    <t>727505-99999-1998.gz</t>
  </si>
  <si>
    <t xml:space="preserve">ZIMMER                   </t>
  </si>
  <si>
    <t>PACKER</t>
  </si>
  <si>
    <t>722488-03996-2010.gz</t>
  </si>
  <si>
    <t>LAKE MING</t>
  </si>
  <si>
    <t>723840-23155-1992.gz</t>
  </si>
  <si>
    <t>AREA 296</t>
  </si>
  <si>
    <t>726685-99999-1997.gz</t>
  </si>
  <si>
    <t>722051-99999-2004.gz</t>
  </si>
  <si>
    <t>RED HILL</t>
  </si>
  <si>
    <t>723754-93027-2009.gz</t>
  </si>
  <si>
    <t>747750-99999-2001.gz</t>
  </si>
  <si>
    <t>081 IUA 4</t>
  </si>
  <si>
    <t>724347-53904-2012.gz</t>
  </si>
  <si>
    <t>HENDERSON - 622</t>
  </si>
  <si>
    <t>MT BALDY</t>
  </si>
  <si>
    <t>722907-53143-2013.gz</t>
  </si>
  <si>
    <t>O'KEEFE - SH 70 SOUTH</t>
  </si>
  <si>
    <t>BEAR CUB</t>
  </si>
  <si>
    <t>725125-04787-2004.gz</t>
  </si>
  <si>
    <t xml:space="preserve">PATTERSON                </t>
  </si>
  <si>
    <t>RANCHO</t>
  </si>
  <si>
    <t>722693-99999-1996.gz</t>
  </si>
  <si>
    <t>PAUL ST.</t>
  </si>
  <si>
    <t>725473-94979-2009.gz</t>
  </si>
  <si>
    <t>744864-54787-2013.gz</t>
  </si>
  <si>
    <t>SPEEDWAY</t>
  </si>
  <si>
    <t>722070-03822-2002.gz</t>
  </si>
  <si>
    <t>WEERE FIRE</t>
  </si>
  <si>
    <t>CLOSED RAILROAD CROSSING</t>
  </si>
  <si>
    <t>723109-93782-2013.gz</t>
  </si>
  <si>
    <t xml:space="preserve">HWY 20                   </t>
  </si>
  <si>
    <t>725146-99999-2001.gz</t>
  </si>
  <si>
    <t>726508-99999-2003.gz</t>
  </si>
  <si>
    <t>723566-93950-2009.gz</t>
  </si>
  <si>
    <t>DAVISON RIDGE</t>
  </si>
  <si>
    <t>722899-99999-2002.gz</t>
  </si>
  <si>
    <t>FY2011-NEWTON-013</t>
  </si>
  <si>
    <t>747808-63803-2011.gz</t>
  </si>
  <si>
    <t>ROCKWOOD</t>
  </si>
  <si>
    <t>724625-99999-2004.gz</t>
  </si>
  <si>
    <t>SKYSEDGE</t>
  </si>
  <si>
    <t>FY2000-JENKINS-060</t>
  </si>
  <si>
    <t xml:space="preserve">STATE 422                </t>
  </si>
  <si>
    <t>722926-03154-1992.gz</t>
  </si>
  <si>
    <t>RL263</t>
  </si>
  <si>
    <t>RL199</t>
  </si>
  <si>
    <t>727550-14958-2006.gz</t>
  </si>
  <si>
    <t>CHIMNEY ROAD</t>
  </si>
  <si>
    <t>722448-13972-2001.gz</t>
  </si>
  <si>
    <t>VISTA</t>
  </si>
  <si>
    <t>723895-99999-1997.gz</t>
  </si>
  <si>
    <t xml:space="preserve">CHESTER                  </t>
  </si>
  <si>
    <t>724837-93216-2005.gz</t>
  </si>
  <si>
    <t>CCC RIDGE 1</t>
  </si>
  <si>
    <t xml:space="preserve">B.I.A. #2                </t>
  </si>
  <si>
    <t xml:space="preserve">CASTRO                   </t>
  </si>
  <si>
    <t>GRASS 2011-47</t>
  </si>
  <si>
    <t>722689-23077-2011.gz</t>
  </si>
  <si>
    <t>722175-13860-2008.gz</t>
  </si>
  <si>
    <t>724100-13733-2003.gz</t>
  </si>
  <si>
    <t>GOLD</t>
  </si>
  <si>
    <t>WALKER SPRING</t>
  </si>
  <si>
    <t>726418-99999-2005.gz</t>
  </si>
  <si>
    <t xml:space="preserve">SHADY                    </t>
  </si>
  <si>
    <t>ERSKINE</t>
  </si>
  <si>
    <t>726514-94032-2007.gz</t>
  </si>
  <si>
    <t>8200 MINERAL WELLS HWY</t>
  </si>
  <si>
    <t>NORD 4/10</t>
  </si>
  <si>
    <t>727457-94962-2010.gz</t>
  </si>
  <si>
    <t>HATROCK</t>
  </si>
  <si>
    <t>726883-99999-2000.gz</t>
  </si>
  <si>
    <t>MS0    0808-3511122004</t>
  </si>
  <si>
    <t>722340-13865-2008.gz</t>
  </si>
  <si>
    <t>FY2015-LOWNDES-006</t>
  </si>
  <si>
    <t>727576-14916-2005.gz</t>
  </si>
  <si>
    <t>FY2011-POLK-068</t>
  </si>
  <si>
    <t>720714-00252-2011.gz</t>
  </si>
  <si>
    <t>DAVIS RD</t>
  </si>
  <si>
    <t>720286-53977-2015.gz</t>
  </si>
  <si>
    <t>747187-03104-2000.gz</t>
  </si>
  <si>
    <t>743312-53925-2012.gz</t>
  </si>
  <si>
    <t>726558-99999-1999.gz</t>
  </si>
  <si>
    <t xml:space="preserve">BERHORST                 </t>
  </si>
  <si>
    <t xml:space="preserve">LAUREL                   </t>
  </si>
  <si>
    <t>LAZY D (36)</t>
  </si>
  <si>
    <t>722108-12894-2012.gz</t>
  </si>
  <si>
    <t>POWER LINE FIRE</t>
  </si>
  <si>
    <t>723095-93719-2003.gz</t>
  </si>
  <si>
    <t>MS0    0909-5030623001</t>
  </si>
  <si>
    <t>723144-53890-2009.gz</t>
  </si>
  <si>
    <t>CALF CREEK ( 1311 FIRE )</t>
  </si>
  <si>
    <t>ANGAY</t>
  </si>
  <si>
    <t>701718-99999-2005.gz</t>
  </si>
  <si>
    <t>724125-03859-2010.gz</t>
  </si>
  <si>
    <t>DOG HOUSE</t>
  </si>
  <si>
    <t>726530-94943-2013.gz</t>
  </si>
  <si>
    <t>SCHLICHENMAIER FIRE</t>
  </si>
  <si>
    <t>JOYNER RD.</t>
  </si>
  <si>
    <t>723066-13713-1996.gz</t>
  </si>
  <si>
    <t>LARRY GRADE (53)</t>
  </si>
  <si>
    <t>722286-93806-2005.gz</t>
  </si>
  <si>
    <t>BOAT RAMP #1</t>
  </si>
  <si>
    <t>HARRISON AVE 11 5 09</t>
  </si>
  <si>
    <t>BIG UGLY CRK.</t>
  </si>
  <si>
    <t>724140-13866-2001.gz</t>
  </si>
  <si>
    <t>468&amp;COTULLA RANCH</t>
  </si>
  <si>
    <t>LEFTHAND CANYON</t>
  </si>
  <si>
    <t>720533-00160-2011.gz</t>
  </si>
  <si>
    <t>214-280</t>
  </si>
  <si>
    <t>721044-00448-2014.gz</t>
  </si>
  <si>
    <t>BUMMER</t>
  </si>
  <si>
    <t>720652-00433-2010.gz</t>
  </si>
  <si>
    <t>BAYWOOD</t>
  </si>
  <si>
    <t>CARLSON ROAD</t>
  </si>
  <si>
    <t>727437-94893-2012.gz</t>
  </si>
  <si>
    <t>725037-94745-2008.gz</t>
  </si>
  <si>
    <t>264 CR 4811 FIRE</t>
  </si>
  <si>
    <t>722213-12819-2009.gz</t>
  </si>
  <si>
    <t>HIGHWAY</t>
  </si>
  <si>
    <t>745056-53120-2010.gz</t>
  </si>
  <si>
    <t>CROSS MOUTAIN THREE</t>
  </si>
  <si>
    <t>724058-53818-2007.gz</t>
  </si>
  <si>
    <t>S. SERVICE RD 523</t>
  </si>
  <si>
    <t>722489-53911-2009.gz</t>
  </si>
  <si>
    <t>GRANNY</t>
  </si>
  <si>
    <t>724810-23203-2013.gz</t>
  </si>
  <si>
    <t>747900-13849-2006.gz</t>
  </si>
  <si>
    <t>726558-04914-2015.gz</t>
  </si>
  <si>
    <t>726627-94037-2006.gz</t>
  </si>
  <si>
    <t>JAY</t>
  </si>
  <si>
    <t>727755-99999-2003.gz</t>
  </si>
  <si>
    <t>JEWETT RD. 11/30/14</t>
  </si>
  <si>
    <t>HOT CREEK</t>
  </si>
  <si>
    <t>GUTTERSEN RANCH</t>
  </si>
  <si>
    <t>724768-24051-2015.gz</t>
  </si>
  <si>
    <t>I-40 123MI</t>
  </si>
  <si>
    <t>BOARD TREE</t>
  </si>
  <si>
    <t>727458-94919-2006.gz</t>
  </si>
  <si>
    <t>NINE</t>
  </si>
  <si>
    <t>724115-93757-2014.gz</t>
  </si>
  <si>
    <t>FM 156 @ SH 114</t>
  </si>
  <si>
    <t>PINE BLUFF</t>
  </si>
  <si>
    <t>14 days 00:00:00.000000000</t>
  </si>
  <si>
    <t>SE75</t>
  </si>
  <si>
    <t>723145-03810-1994.gz</t>
  </si>
  <si>
    <t>723419-93992-2011.gz</t>
  </si>
  <si>
    <t>CUTACROSS</t>
  </si>
  <si>
    <t>726700-24045-2006.gz</t>
  </si>
  <si>
    <t>726450-14898-1997.gz</t>
  </si>
  <si>
    <t>PAST WHITTNEY</t>
  </si>
  <si>
    <t>FEATHER CREEK FIRE</t>
  </si>
  <si>
    <t>720353-63875-2013.gz</t>
  </si>
  <si>
    <t>CAR FIRE</t>
  </si>
  <si>
    <t xml:space="preserve">JAMESON                  </t>
  </si>
  <si>
    <t>FY2012-LAMAR-014</t>
  </si>
  <si>
    <t>747806-63809-2012.gz</t>
  </si>
  <si>
    <t>ROBERT RUN</t>
  </si>
  <si>
    <t xml:space="preserve">YOUNG                    </t>
  </si>
  <si>
    <t>11ARD 88</t>
  </si>
  <si>
    <t>HOT CAR</t>
  </si>
  <si>
    <t>724354-99999-1994.gz</t>
  </si>
  <si>
    <t>DELMAR AV  LOOMIS_FD</t>
  </si>
  <si>
    <t>720614-00205-2015.gz</t>
  </si>
  <si>
    <t>IAO</t>
  </si>
  <si>
    <t>724080-13739-1998.gz</t>
  </si>
  <si>
    <t>CLIFTY</t>
  </si>
  <si>
    <t xml:space="preserve">GREEK (31) </t>
  </si>
  <si>
    <t>724106-13728-2001.gz</t>
  </si>
  <si>
    <t xml:space="preserve">PINNACLES                </t>
  </si>
  <si>
    <t>WESTERN OAKS RD</t>
  </si>
  <si>
    <t>3230 COUNTY ROAD 22, AL</t>
  </si>
  <si>
    <t>720505-00156-2011.gz</t>
  </si>
  <si>
    <t>723117-99999-2003.gz</t>
  </si>
  <si>
    <t>HOFFER</t>
  </si>
  <si>
    <t>726685-99999-1999.gz</t>
  </si>
  <si>
    <t>DEL NORTE</t>
  </si>
  <si>
    <t>722740-23160-2007.gz</t>
  </si>
  <si>
    <t>CROWLEY</t>
  </si>
  <si>
    <t>724090-14780-2002.gz</t>
  </si>
  <si>
    <t>726700-99999-2001.gz</t>
  </si>
  <si>
    <t>723013-13748-1993.gz</t>
  </si>
  <si>
    <t>722024-99999-1999.gz</t>
  </si>
  <si>
    <t>4195 BEECH GROVE RD., AL</t>
  </si>
  <si>
    <t>MS0    1010-1710220014</t>
  </si>
  <si>
    <t>PLATT RD.</t>
  </si>
  <si>
    <t>723034-93747-2011.gz</t>
  </si>
  <si>
    <t>CALICO ROCK</t>
  </si>
  <si>
    <t>723439-53918-2006.gz</t>
  </si>
  <si>
    <t>722300-53864-2006.gz</t>
  </si>
  <si>
    <t>LONE RANGER</t>
  </si>
  <si>
    <t>722218-00356-2009.gz</t>
  </si>
  <si>
    <t>726679-04969-2012.gz</t>
  </si>
  <si>
    <t>WESTMOORE</t>
  </si>
  <si>
    <t>724973-93203-2010.gz</t>
  </si>
  <si>
    <t>722348-99999-2003.gz</t>
  </si>
  <si>
    <t>725526-14905-2015.gz</t>
  </si>
  <si>
    <t>722448-13972-2002.gz</t>
  </si>
  <si>
    <t>HORNBUCKLE # 2</t>
  </si>
  <si>
    <t>720259-63844-2010.gz</t>
  </si>
  <si>
    <t>725220-14750-2011.gz</t>
  </si>
  <si>
    <t>S. COOPER</t>
  </si>
  <si>
    <t xml:space="preserve">CROSBY                   </t>
  </si>
  <si>
    <t>720267-23224-2007.gz</t>
  </si>
  <si>
    <t xml:space="preserve">BOBCAT                   </t>
  </si>
  <si>
    <t>723895-99999-2001.gz</t>
  </si>
  <si>
    <t>LATROBE</t>
  </si>
  <si>
    <t>RED LAKE 247</t>
  </si>
  <si>
    <t>727675-94011-2005.gz</t>
  </si>
  <si>
    <t>720632-00218-2011.gz</t>
  </si>
  <si>
    <t>SEARS FARMS</t>
  </si>
  <si>
    <t>4100 TULEE RD.</t>
  </si>
  <si>
    <t>727810-24243-2014.gz</t>
  </si>
  <si>
    <t>725468-04910-2013.gz</t>
  </si>
  <si>
    <t>BULLPEN FORK</t>
  </si>
  <si>
    <t>725290-14768-2006.gz</t>
  </si>
  <si>
    <t>FY2011-COOK-070</t>
  </si>
  <si>
    <t>722147-53817-2011.gz</t>
  </si>
  <si>
    <t>OIL SPRINGS</t>
  </si>
  <si>
    <t>723529-53929-2008.gz</t>
  </si>
  <si>
    <t>724190-03889-2007.gz</t>
  </si>
  <si>
    <t>726416-14921-2004.gz</t>
  </si>
  <si>
    <t>NOR-20130914-001</t>
  </si>
  <si>
    <t>723235-13896-2013.gz</t>
  </si>
  <si>
    <t>LIGHT</t>
  </si>
  <si>
    <t>RATTLER</t>
  </si>
  <si>
    <t>726815-24106-2004.gz</t>
  </si>
  <si>
    <t>725180-14735-2010.gz</t>
  </si>
  <si>
    <t>723109-93782-2012.gz</t>
  </si>
  <si>
    <t>TWIN HILLS FIRE</t>
  </si>
  <si>
    <t>221-002</t>
  </si>
  <si>
    <t>727458-94919-2007.gz</t>
  </si>
  <si>
    <t>VALKARIA</t>
  </si>
  <si>
    <t>722103-99999-2003.gz</t>
  </si>
  <si>
    <t>722691-00366-2010.gz</t>
  </si>
  <si>
    <t>722112-53982-2007.gz</t>
  </si>
  <si>
    <t>POND</t>
  </si>
  <si>
    <t>723745-93139-1996.gz</t>
  </si>
  <si>
    <t>722079-99999-1992.gz</t>
  </si>
  <si>
    <t>LEIBER FIRE</t>
  </si>
  <si>
    <t>726419-99999-2001.gz</t>
  </si>
  <si>
    <t>WOODY</t>
  </si>
  <si>
    <t>723148-99999-2002.gz</t>
  </si>
  <si>
    <t xml:space="preserve">100 KAIMUKI </t>
  </si>
  <si>
    <t>722113-53979-2014.gz</t>
  </si>
  <si>
    <t>DUNNAWAY RD</t>
  </si>
  <si>
    <t>724118-99999-2004.gz</t>
  </si>
  <si>
    <t>MS0    0808-4550619003</t>
  </si>
  <si>
    <t>SEVEN</t>
  </si>
  <si>
    <t>722680-23009-1996.gz</t>
  </si>
  <si>
    <t>ACCORD MTN. RD</t>
  </si>
  <si>
    <t>724125-03859-2013.gz</t>
  </si>
  <si>
    <t>727417-99999-2004.gz</t>
  </si>
  <si>
    <t>NEAGLIN</t>
  </si>
  <si>
    <t>LINDEN - 705</t>
  </si>
  <si>
    <t xml:space="preserve">LAPORTE EAST             </t>
  </si>
  <si>
    <t>724837-93216-1998.gz</t>
  </si>
  <si>
    <t>SIGN</t>
  </si>
  <si>
    <t>STEEPHOLLOW</t>
  </si>
  <si>
    <t>725845-23225-2000.gz</t>
  </si>
  <si>
    <t>725515-94947-2009.gz</t>
  </si>
  <si>
    <t>726578-99999-2003.gz</t>
  </si>
  <si>
    <t>722212-99999-1999.gz</t>
  </si>
  <si>
    <t>FRENCHVILLE</t>
  </si>
  <si>
    <t>726083-99999-1993.gz</t>
  </si>
  <si>
    <t>RIVER BOYS</t>
  </si>
  <si>
    <t>727855-24114-2008.gz</t>
  </si>
  <si>
    <t>LIVINGSTON - 783</t>
  </si>
  <si>
    <t>MCGEE</t>
  </si>
  <si>
    <t>723894-99999-1999.gz</t>
  </si>
  <si>
    <t>725038-14714-2006.gz</t>
  </si>
  <si>
    <t>722429-99999-1992.gz</t>
  </si>
  <si>
    <t>CLOUDEN DRIVE</t>
  </si>
  <si>
    <t>TARPIT</t>
  </si>
  <si>
    <t>TRONT RUN</t>
  </si>
  <si>
    <t>724053-99999-2000.gz</t>
  </si>
  <si>
    <t>720279-03705-2007.gz</t>
  </si>
  <si>
    <t>HENDERSON - 142</t>
  </si>
  <si>
    <t xml:space="preserve">MCCLOUD RR #1            </t>
  </si>
  <si>
    <t>LIVINGSTON - 61</t>
  </si>
  <si>
    <t>722444-53902-2010.gz</t>
  </si>
  <si>
    <t>FREEZEOUT</t>
  </si>
  <si>
    <t>RED QUILL</t>
  </si>
  <si>
    <t>727730-24153-2009.gz</t>
  </si>
  <si>
    <t xml:space="preserve">FISCHER                  </t>
  </si>
  <si>
    <t>700 LCR 441</t>
  </si>
  <si>
    <t>HIDDEN/TACOMA #440</t>
  </si>
  <si>
    <t>RIM</t>
  </si>
  <si>
    <t>725744-24027-2013.gz</t>
  </si>
  <si>
    <t xml:space="preserve">STATE 874                </t>
  </si>
  <si>
    <t>10529 CR 174</t>
  </si>
  <si>
    <t>746935-03709-2008.gz</t>
  </si>
  <si>
    <t>UPRR-664.5</t>
  </si>
  <si>
    <t>726690-24057-2012.gz</t>
  </si>
  <si>
    <t>WF OVERKILL MCGILL</t>
  </si>
  <si>
    <t>SIXTY TWO</t>
  </si>
  <si>
    <t>ENGLISH</t>
  </si>
  <si>
    <t>720291-53970-2011.gz</t>
  </si>
  <si>
    <t>FY2011-WILKES-021</t>
  </si>
  <si>
    <t>720294-53898-2011.gz</t>
  </si>
  <si>
    <t>MOSQUITO BITE FIRE</t>
  </si>
  <si>
    <t>QUAPAW CASINO</t>
  </si>
  <si>
    <t>STECKER</t>
  </si>
  <si>
    <t>PATRICK FIRE</t>
  </si>
  <si>
    <t>723013-13748-2000.gz</t>
  </si>
  <si>
    <t>FY2011-WHEELER-076</t>
  </si>
  <si>
    <t>CYCLONE</t>
  </si>
  <si>
    <t>720322-04129-2015.gz</t>
  </si>
  <si>
    <t>FY2012-TATTNALL-070</t>
  </si>
  <si>
    <t>722134-63822-2012.gz</t>
  </si>
  <si>
    <t>722319-53943-2006.gz</t>
  </si>
  <si>
    <t>I84MP177EA</t>
  </si>
  <si>
    <t>726816-99999-1999.gz</t>
  </si>
  <si>
    <t>BROAD RUN</t>
  </si>
  <si>
    <t>1914151 GRASS FIRE</t>
  </si>
  <si>
    <t xml:space="preserve">BURGER CK LIGHTNING      </t>
  </si>
  <si>
    <t>724106-13728-1996.gz</t>
  </si>
  <si>
    <t>PIK7046675</t>
  </si>
  <si>
    <t>720394-00428-2014.gz</t>
  </si>
  <si>
    <t>725025-94741-2010.gz</t>
  </si>
  <si>
    <t>SAYLOR</t>
  </si>
  <si>
    <t>726816-04110-2015.gz</t>
  </si>
  <si>
    <t>KHOLER</t>
  </si>
  <si>
    <t>723528-03981-2011.gz</t>
  </si>
  <si>
    <t>SW CORNER</t>
  </si>
  <si>
    <t>CRAWFORD 77515</t>
  </si>
  <si>
    <t>WILLIE FIRE</t>
  </si>
  <si>
    <t>720303-53973-2011.gz</t>
  </si>
  <si>
    <t>FY2002-BROOKS-053</t>
  </si>
  <si>
    <t>NINEMILE</t>
  </si>
  <si>
    <t>BLACKFOOT CUT ACROSS</t>
  </si>
  <si>
    <t>MARTINSVILLE FORD FIRE</t>
  </si>
  <si>
    <t>722322-00361-2010.gz</t>
  </si>
  <si>
    <t xml:space="preserve">SPRING C/L T/T2          </t>
  </si>
  <si>
    <t>MS0    1111-3330216004</t>
  </si>
  <si>
    <t>BUMBLEBEE1</t>
  </si>
  <si>
    <t>722784-03184-2006.gz</t>
  </si>
  <si>
    <t>MS0    1111-5740316002</t>
  </si>
  <si>
    <t xml:space="preserve">PALOMAS                  </t>
  </si>
  <si>
    <t>EAGLE COVE</t>
  </si>
  <si>
    <t>725705-94030-2010.gz</t>
  </si>
  <si>
    <t>722484-99999-1994.gz</t>
  </si>
  <si>
    <t>FY2012-HEARD-020</t>
  </si>
  <si>
    <t>720401-00133-2012.gz</t>
  </si>
  <si>
    <t>726545-94950-2008.gz</t>
  </si>
  <si>
    <t>MS0    1010-1090906008</t>
  </si>
  <si>
    <t>723066-13713-2006.gz</t>
  </si>
  <si>
    <t>CARTER</t>
  </si>
  <si>
    <t>720744-00271-2014.gz</t>
  </si>
  <si>
    <t>IRWIN FIRE</t>
  </si>
  <si>
    <t>727677-99999-2000.gz</t>
  </si>
  <si>
    <t>747915-93718-2008.gz</t>
  </si>
  <si>
    <t>NE 30084</t>
  </si>
  <si>
    <t>NER-20120328-005</t>
  </si>
  <si>
    <t>724056-99999-2005.gz</t>
  </si>
  <si>
    <t>FY2013-EVANS-011</t>
  </si>
  <si>
    <t>ROY LANE</t>
  </si>
  <si>
    <t>A00002</t>
  </si>
  <si>
    <t>A00002-53928-2011.gz</t>
  </si>
  <si>
    <t>722241-54925-2007.gz</t>
  </si>
  <si>
    <t>MYRTLEMM17</t>
  </si>
  <si>
    <t>727830-24149-2003.gz</t>
  </si>
  <si>
    <t>725610-24030-2010.gz</t>
  </si>
  <si>
    <t>FY2002-FLOYD-083</t>
  </si>
  <si>
    <t>NWR-20121103-001</t>
  </si>
  <si>
    <t>723306-13825-2012.gz</t>
  </si>
  <si>
    <t>RAMSEY</t>
  </si>
  <si>
    <t>720853-00281-2014.gz</t>
  </si>
  <si>
    <t>722265-13821-1993.gz</t>
  </si>
  <si>
    <t>HIDEWAY II FIRE</t>
  </si>
  <si>
    <t>724286-93824-2006.gz</t>
  </si>
  <si>
    <t>STAFFORD BRANCH</t>
  </si>
  <si>
    <t>CHINA HAT</t>
  </si>
  <si>
    <t>725868-99999-1999.gz</t>
  </si>
  <si>
    <t>PYRAMID</t>
  </si>
  <si>
    <t>FENCELINE</t>
  </si>
  <si>
    <t>725810-24193-1999.gz</t>
  </si>
  <si>
    <t>RESTAREA</t>
  </si>
  <si>
    <t>PARACHUTE</t>
  </si>
  <si>
    <t>RON SAWYER FIRE</t>
  </si>
  <si>
    <t xml:space="preserve">WOODLAND TRAILS </t>
  </si>
  <si>
    <t>722499-53948-2008.gz</t>
  </si>
  <si>
    <t>GETCHELL WPA</t>
  </si>
  <si>
    <t>MOSS BLUFF 23</t>
  </si>
  <si>
    <t>723107-99999-2008.gz</t>
  </si>
  <si>
    <t>HARDIN 2</t>
  </si>
  <si>
    <t>724828-99999-2003.gz</t>
  </si>
  <si>
    <t xml:space="preserve">RIVER BOTTOM #26         </t>
  </si>
  <si>
    <t>MS0    1010-1291009008</t>
  </si>
  <si>
    <t>723119-99999-2000.gz</t>
  </si>
  <si>
    <t>727857-99999-2003.gz</t>
  </si>
  <si>
    <t>724988-94704-2015.gz</t>
  </si>
  <si>
    <t>HATCH GRADE</t>
  </si>
  <si>
    <t>727845-24163-2015.gz</t>
  </si>
  <si>
    <t xml:space="preserve">ROCK SPRINGS             </t>
  </si>
  <si>
    <t>720311-53962-2012.gz</t>
  </si>
  <si>
    <t>BLUEHALL</t>
  </si>
  <si>
    <t>MANZANO</t>
  </si>
  <si>
    <t>6SW#2</t>
  </si>
  <si>
    <t>723635-03024-2011.gz</t>
  </si>
  <si>
    <t>724457-03938-2011.gz</t>
  </si>
  <si>
    <t xml:space="preserve">SJVRR #8                 </t>
  </si>
  <si>
    <t>723895-99999-1998.gz</t>
  </si>
  <si>
    <t>CHESHIRE ESTATE FIRE</t>
  </si>
  <si>
    <t>725512-14989-2012.gz</t>
  </si>
  <si>
    <t>FY2013-TREUTLEN-001</t>
  </si>
  <si>
    <t>FY2001-PULASKI-058</t>
  </si>
  <si>
    <t>TOPPAH</t>
  </si>
  <si>
    <t>723525-93986-2001.gz</t>
  </si>
  <si>
    <t>MOLLY</t>
  </si>
  <si>
    <t>KLEBERG1</t>
  </si>
  <si>
    <t>722510-12924-1997.gz</t>
  </si>
  <si>
    <t>726050-14745-2015.gz</t>
  </si>
  <si>
    <t xml:space="preserve">STATE FIRE               </t>
  </si>
  <si>
    <t>747187-03104-1999.gz</t>
  </si>
  <si>
    <t>34 RANCH</t>
  </si>
  <si>
    <t>722686-23008-1995.gz</t>
  </si>
  <si>
    <t>727890-99999-2000.gz</t>
  </si>
  <si>
    <t>TRAILER PARK</t>
  </si>
  <si>
    <t>E MOUNTAIN VIEW AV /S BET</t>
  </si>
  <si>
    <t>BURY IT</t>
  </si>
  <si>
    <t>722193-03722-2015.gz</t>
  </si>
  <si>
    <t>WILDHORSE</t>
  </si>
  <si>
    <t>724773-99999-2002.gz</t>
  </si>
  <si>
    <t>NWR-20120320-002</t>
  </si>
  <si>
    <t>EASY @ MCGEE'S LANDING</t>
  </si>
  <si>
    <t>722390-03931-2013.gz</t>
  </si>
  <si>
    <t>CLIFFTOP DRIVE FIRE #2</t>
  </si>
  <si>
    <t>720968-00340-2011.gz</t>
  </si>
  <si>
    <t>WC-4-04-1</t>
  </si>
  <si>
    <t>RED LAKE 385</t>
  </si>
  <si>
    <t>727550-14958-2010.gz</t>
  </si>
  <si>
    <t>724058-53818-2009.gz</t>
  </si>
  <si>
    <t>722510-12924-2008.gz</t>
  </si>
  <si>
    <t>724400-13995-1997.gz</t>
  </si>
  <si>
    <t>FY2012-CANDLER-036</t>
  </si>
  <si>
    <t>720301-63846-2011.gz</t>
  </si>
  <si>
    <t>PRIEST CANYON</t>
  </si>
  <si>
    <t>720724-99999-2011.gz</t>
  </si>
  <si>
    <t>LINDEN - 361</t>
  </si>
  <si>
    <t>EAST SPAINARD CREEK FIRE</t>
  </si>
  <si>
    <t xml:space="preserve">PICKETT                  </t>
  </si>
  <si>
    <t>724957-99999-1994.gz</t>
  </si>
  <si>
    <t>SUNNY SIDE RD</t>
  </si>
  <si>
    <t>723260-13891-2007.gz</t>
  </si>
  <si>
    <t>726987-94204-2007.gz</t>
  </si>
  <si>
    <t>NORTH</t>
  </si>
  <si>
    <t>726588-99999-1997.gz</t>
  </si>
  <si>
    <t>720615-00206-2011.gz</t>
  </si>
  <si>
    <t>HEATH</t>
  </si>
  <si>
    <t>FY2012-SUMTER-006</t>
  </si>
  <si>
    <t>GAP OF THE MOUNTAIN, AL</t>
  </si>
  <si>
    <t>LOOP 49 FIRE</t>
  </si>
  <si>
    <t>726665-24062-2000.gz</t>
  </si>
  <si>
    <t>724117-99999-2003.gz</t>
  </si>
  <si>
    <t>FY2000-LUMPKIN-081</t>
  </si>
  <si>
    <t>WARTOM</t>
  </si>
  <si>
    <t>723079-99999-2000.gz</t>
  </si>
  <si>
    <t xml:space="preserve">GRASS FIRE </t>
  </si>
  <si>
    <t xml:space="preserve">HWY 99  N/ AVE 7 3       </t>
  </si>
  <si>
    <t>EAGLE MTN</t>
  </si>
  <si>
    <t>727686-99999-2002.gz</t>
  </si>
  <si>
    <t>COSTILLA</t>
  </si>
  <si>
    <t>724620-23061-2011.gz</t>
  </si>
  <si>
    <t>JJ</t>
  </si>
  <si>
    <t>724117-99999-2002.gz</t>
  </si>
  <si>
    <t xml:space="preserve">SCALES                   </t>
  </si>
  <si>
    <t>745046-99999-2001.gz</t>
  </si>
  <si>
    <t>726379-14845-2003.gz</t>
  </si>
  <si>
    <t xml:space="preserve">"11,775"                 </t>
  </si>
  <si>
    <t>DRY MARSH (58)</t>
  </si>
  <si>
    <t>722034-12812-2014.gz</t>
  </si>
  <si>
    <t>SHIFT</t>
  </si>
  <si>
    <t>FY2011-EMANUEL-060</t>
  </si>
  <si>
    <t>723105-03858-2011.gz</t>
  </si>
  <si>
    <t>TRAIN CAR</t>
  </si>
  <si>
    <t>726350-94860-1996.gz</t>
  </si>
  <si>
    <t>NER-20130313-005</t>
  </si>
  <si>
    <t>WF-55-BRINKOFF ROAD</t>
  </si>
  <si>
    <t>722212-92814-2010.gz</t>
  </si>
  <si>
    <t>12331 FM 747 SOUTH</t>
  </si>
  <si>
    <t>726561-94997-2013.gz</t>
  </si>
  <si>
    <t>726578-99999-1999.gz</t>
  </si>
  <si>
    <t>724506-13986-2015.gz</t>
  </si>
  <si>
    <t>DESERTDUCK</t>
  </si>
  <si>
    <t xml:space="preserve">MEDEIROS 2               </t>
  </si>
  <si>
    <t>725468-04910-2009.gz</t>
  </si>
  <si>
    <t>FINLEY</t>
  </si>
  <si>
    <t>COOK CREEK</t>
  </si>
  <si>
    <t xml:space="preserve">BAILEY IC                </t>
  </si>
  <si>
    <t>745056-53120-2008.gz</t>
  </si>
  <si>
    <t>HUNT OIL</t>
  </si>
  <si>
    <t>MORE</t>
  </si>
  <si>
    <t>722783-03185-2010.gz</t>
  </si>
  <si>
    <t>ONCE AGAIN FIRE</t>
  </si>
  <si>
    <t>OUTINGDALE</t>
  </si>
  <si>
    <t>BEAR TRAP</t>
  </si>
  <si>
    <t>724503-99999-1999.gz</t>
  </si>
  <si>
    <t>724117-99999-1999.gz</t>
  </si>
  <si>
    <t>OVERLOOK</t>
  </si>
  <si>
    <t>723890-93193-1999.gz</t>
  </si>
  <si>
    <t>DAWES CREEK</t>
  </si>
  <si>
    <t>997695-99999-2014.gz</t>
  </si>
  <si>
    <t>LIBBY RD (58)</t>
  </si>
  <si>
    <t>722118-00482-2015.gz</t>
  </si>
  <si>
    <t>722285-99999-2000.gz</t>
  </si>
  <si>
    <t>726685-99999-1993.gz</t>
  </si>
  <si>
    <t>722213-99999-2001.gz</t>
  </si>
  <si>
    <t xml:space="preserve">SVF ASST#9               </t>
  </si>
  <si>
    <t>CHIMRK2</t>
  </si>
  <si>
    <t>MS0    0909-6220210001</t>
  </si>
  <si>
    <t>722287-13871-2004.gz</t>
  </si>
  <si>
    <t xml:space="preserve">213 STREETMAN </t>
  </si>
  <si>
    <t>STUTTER</t>
  </si>
  <si>
    <t>726518-99999-1999.gz</t>
  </si>
  <si>
    <t>ST. CLAIR CEM. RD</t>
  </si>
  <si>
    <t>724240-13807-2013.gz</t>
  </si>
  <si>
    <t>723446-13971-1997.gz</t>
  </si>
  <si>
    <t>WILCOX CEMETERY</t>
  </si>
  <si>
    <t>724350-03816-2010.gz</t>
  </si>
  <si>
    <t>724815-23257-2013.gz</t>
  </si>
  <si>
    <t>MILLCREEK</t>
  </si>
  <si>
    <t>727795-99999-1993.gz</t>
  </si>
  <si>
    <t>FISH POND</t>
  </si>
  <si>
    <t>723174-99999-2004.gz</t>
  </si>
  <si>
    <t>FY2000-LANIER-058</t>
  </si>
  <si>
    <t>722050-12815-1999.gz</t>
  </si>
  <si>
    <t>ROAD 2 STOCK PILE (38)</t>
  </si>
  <si>
    <t>725119-54792-2009.gz</t>
  </si>
  <si>
    <t>PAIGE BAR</t>
  </si>
  <si>
    <t>PIKE</t>
  </si>
  <si>
    <t>BARN ROAD(38)</t>
  </si>
  <si>
    <t>CRAB APPLE</t>
  </si>
  <si>
    <t>RICKESTON</t>
  </si>
  <si>
    <t>723600-23051-1997.gz</t>
  </si>
  <si>
    <t>720599-00192-2011.gz</t>
  </si>
  <si>
    <t>1 MILE FROM SHINGLE HOLLO</t>
  </si>
  <si>
    <t>723144-99999-2001.gz</t>
  </si>
  <si>
    <t>058 IUA 17</t>
  </si>
  <si>
    <t>722340-13865-1998.gz</t>
  </si>
  <si>
    <t>723527-13975-2006.gz</t>
  </si>
  <si>
    <t>723265-03847-2008.gz</t>
  </si>
  <si>
    <t xml:space="preserve">WILEY                    </t>
  </si>
  <si>
    <t>RL010</t>
  </si>
  <si>
    <t>727486-04983-2008.gz</t>
  </si>
  <si>
    <t>THACKER</t>
  </si>
  <si>
    <t>MS0    1010-5151019012</t>
  </si>
  <si>
    <t xml:space="preserve">BENBOW GOLF COURSE       </t>
  </si>
  <si>
    <t>725848-99999-2001.gz</t>
  </si>
  <si>
    <t>JACKLOT HOLLOW</t>
  </si>
  <si>
    <t>GREENWOOD CUT-OFF/RANGER HWY</t>
  </si>
  <si>
    <t>CROOKED</t>
  </si>
  <si>
    <t>722683-93083-2009.gz</t>
  </si>
  <si>
    <t>747915-93718-2005.gz</t>
  </si>
  <si>
    <t>783 S GRASS FIRES</t>
  </si>
  <si>
    <t>727925-99999-1992.gz</t>
  </si>
  <si>
    <t>MILL CREEK</t>
  </si>
  <si>
    <t>QUEEN</t>
  </si>
  <si>
    <t>726574-99999-1999.gz</t>
  </si>
  <si>
    <t>LA VIEJA</t>
  </si>
  <si>
    <t>726088-14606-2000.gz</t>
  </si>
  <si>
    <t>WAGNER</t>
  </si>
  <si>
    <t>GRASS FIRE-MUTUAL AID</t>
  </si>
  <si>
    <t>722359-13978-1994.gz</t>
  </si>
  <si>
    <t>723347-03809-2005.gz</t>
  </si>
  <si>
    <t>723307-99999-1996.gz</t>
  </si>
  <si>
    <t>PEAR</t>
  </si>
  <si>
    <t>RALPH</t>
  </si>
  <si>
    <t>725565-94951-2015.gz</t>
  </si>
  <si>
    <t>724088-13707-1993.gz</t>
  </si>
  <si>
    <t>CHIMNEY</t>
  </si>
  <si>
    <t>722693-99999-1997.gz</t>
  </si>
  <si>
    <t>722091-53940-2010.gz</t>
  </si>
  <si>
    <t>ROCKY RD.</t>
  </si>
  <si>
    <t>747685-93874-2007.gz</t>
  </si>
  <si>
    <t>722285-99999-2004.gz</t>
  </si>
  <si>
    <t>VAN12459166</t>
  </si>
  <si>
    <t>722486-13942-1997.gz</t>
  </si>
  <si>
    <t xml:space="preserve">BLACK MOUNTAIN           </t>
  </si>
  <si>
    <t>722919-99999-1993.gz</t>
  </si>
  <si>
    <t xml:space="preserve">MEADOW IC TAC2           </t>
  </si>
  <si>
    <t>723405-03930-2010.gz</t>
  </si>
  <si>
    <t>722499-99999-2005.gz</t>
  </si>
  <si>
    <t>A1306031</t>
  </si>
  <si>
    <t>TAVERN</t>
  </si>
  <si>
    <t>722907-53143-2009.gz</t>
  </si>
  <si>
    <t>725784-04109-2010.gz</t>
  </si>
  <si>
    <t>FY2002-SPALDING-027</t>
  </si>
  <si>
    <t>SWR-20150120-008</t>
  </si>
  <si>
    <t xml:space="preserve">"ROSAS,K"                </t>
  </si>
  <si>
    <t>724075-13735-2008.gz</t>
  </si>
  <si>
    <t>SOUTH</t>
  </si>
  <si>
    <t>KOTZEBUE</t>
  </si>
  <si>
    <t>701335-26648-2012.gz</t>
  </si>
  <si>
    <t>HWY 60</t>
  </si>
  <si>
    <t>CENTERVILLE CHURCH FIRE</t>
  </si>
  <si>
    <t>SNEED HOLLOW</t>
  </si>
  <si>
    <t>VESTAL BUTTE</t>
  </si>
  <si>
    <t>725970-24225-2006.gz</t>
  </si>
  <si>
    <t xml:space="preserve">OHKI                     </t>
  </si>
  <si>
    <t>724810-23203-1992.gz</t>
  </si>
  <si>
    <t>TIE</t>
  </si>
  <si>
    <t>723783-99999-2002.gz</t>
  </si>
  <si>
    <t>REED</t>
  </si>
  <si>
    <t>724645-23070-2003.gz</t>
  </si>
  <si>
    <t>ORCHARD BRANCH</t>
  </si>
  <si>
    <t>JACOBS FIRE</t>
  </si>
  <si>
    <t>723013-13748-2001.gz</t>
  </si>
  <si>
    <t>BROWN HOLLOW FIRE</t>
  </si>
  <si>
    <t>726438-94994-2011.gz</t>
  </si>
  <si>
    <t xml:space="preserve">N.W.R.                   </t>
  </si>
  <si>
    <t>SPY ROCK #3</t>
  </si>
  <si>
    <t>LEESALONE</t>
  </si>
  <si>
    <t>723340-13893-2001.gz</t>
  </si>
  <si>
    <t>722185-53838-2008.gz</t>
  </si>
  <si>
    <t>723146-53892-2008.gz</t>
  </si>
  <si>
    <t>CAVE CREEK</t>
  </si>
  <si>
    <t>724677-99999-2000.gz</t>
  </si>
  <si>
    <t>MARSHVILLE ROAD</t>
  </si>
  <si>
    <t>724175-03802-2014.gz</t>
  </si>
  <si>
    <t>CHOKCHRYII</t>
  </si>
  <si>
    <t>725287-99999-2003.gz</t>
  </si>
  <si>
    <t>HENDERSON - 7153</t>
  </si>
  <si>
    <t>NEW CASTLE RD</t>
  </si>
  <si>
    <t>KOBUTA</t>
  </si>
  <si>
    <t>723174-93783-2011.gz</t>
  </si>
  <si>
    <t xml:space="preserve">LOWER HIGH ROCK          </t>
  </si>
  <si>
    <t>722926-03154-1995.gz</t>
  </si>
  <si>
    <t>JONES FIRE</t>
  </si>
  <si>
    <t>742079-63876-2012.gz</t>
  </si>
  <si>
    <t>POMPEY AST</t>
  </si>
  <si>
    <t>726776-24036-2004.gz</t>
  </si>
  <si>
    <t>722181-13837-2010.gz</t>
  </si>
  <si>
    <t>MIDNIGHT CAMPFIRE</t>
  </si>
  <si>
    <t>720277-63843-2011.gz</t>
  </si>
  <si>
    <t>VAUGHN LEAF PILE</t>
  </si>
  <si>
    <t>726509-04898-2009.gz</t>
  </si>
  <si>
    <t>FY2000-GORDON-074</t>
  </si>
  <si>
    <t>END OF THE ROAD FIRE</t>
  </si>
  <si>
    <t>726465-99999-2001.gz</t>
  </si>
  <si>
    <t>720379-63882-2008.gz</t>
  </si>
  <si>
    <t xml:space="preserve">SLU-2175                 </t>
  </si>
  <si>
    <t>10539 GLASS CT.</t>
  </si>
  <si>
    <t>WOOLDRIDGE</t>
  </si>
  <si>
    <t>TH1301</t>
  </si>
  <si>
    <t>L. LANKFORD FIRE</t>
  </si>
  <si>
    <t>720318-53965-2012.gz</t>
  </si>
  <si>
    <t>720376-63880-2010.gz</t>
  </si>
  <si>
    <t>TH1203</t>
  </si>
  <si>
    <t>BABES</t>
  </si>
  <si>
    <t>60 days 00:00:00.000000000</t>
  </si>
  <si>
    <t>TRAIN</t>
  </si>
  <si>
    <t>725895-94236-1999.gz</t>
  </si>
  <si>
    <t>GRANT</t>
  </si>
  <si>
    <t>724920-23237-2011.gz</t>
  </si>
  <si>
    <t>SMOKEY MOUNTAIN</t>
  </si>
  <si>
    <t>727890-99999-2003.gz</t>
  </si>
  <si>
    <t>AMOS</t>
  </si>
  <si>
    <t>722173-53951-2007.gz</t>
  </si>
  <si>
    <t>POLE CANYO</t>
  </si>
  <si>
    <t>725810-24193-1996.gz</t>
  </si>
  <si>
    <t>POINT OF PINES LAKE</t>
  </si>
  <si>
    <t>722747-93084-2009.gz</t>
  </si>
  <si>
    <t>722444-53902-2013.gz</t>
  </si>
  <si>
    <t>FLOYD SCHREVER</t>
  </si>
  <si>
    <t>726510-14944-1999.gz</t>
  </si>
  <si>
    <t>HUEY</t>
  </si>
  <si>
    <t>722685-99999-2002.gz</t>
  </si>
  <si>
    <t>BELL</t>
  </si>
  <si>
    <t>STRICKLAND LOOP RD. FIRE</t>
  </si>
  <si>
    <t>ANGUSTURA</t>
  </si>
  <si>
    <t>723656-23049-1999.gz</t>
  </si>
  <si>
    <t>726228-99999-1999.gz</t>
  </si>
  <si>
    <t>725037-94745-2005.gz</t>
  </si>
  <si>
    <t>JELLYS</t>
  </si>
  <si>
    <t>725920-24257-2001.gz</t>
  </si>
  <si>
    <t>FENCE ROW</t>
  </si>
  <si>
    <t>726480-94853-2009.gz</t>
  </si>
  <si>
    <t>720608-00200-2011.gz</t>
  </si>
  <si>
    <t>722666-93943-2006.gz</t>
  </si>
  <si>
    <t>POWELL CREEK 1666</t>
  </si>
  <si>
    <t>BETTER SATURDAY</t>
  </si>
  <si>
    <t>NORTH RD</t>
  </si>
  <si>
    <t>ESTEP</t>
  </si>
  <si>
    <t>720598-00191-2015.gz</t>
  </si>
  <si>
    <t>MOON</t>
  </si>
  <si>
    <t>ECR-20140223-003</t>
  </si>
  <si>
    <t>COWBOYS WAY</t>
  </si>
  <si>
    <t>722094-53984-2013.gz</t>
  </si>
  <si>
    <t>724620-23061-2010.gz</t>
  </si>
  <si>
    <t>WHEELWRIGHT</t>
  </si>
  <si>
    <t>WILLOWTON</t>
  </si>
  <si>
    <t>724116-13868-2005.gz</t>
  </si>
  <si>
    <t>ASPEN DRAW</t>
  </si>
  <si>
    <t>726700-99999-2000.gz</t>
  </si>
  <si>
    <t>FY2001-JONES-026</t>
  </si>
  <si>
    <t>HAND     64</t>
  </si>
  <si>
    <t>722341-92822-2011.gz</t>
  </si>
  <si>
    <t>LEE</t>
  </si>
  <si>
    <t>722320-12884-2001.gz</t>
  </si>
  <si>
    <t>BEND</t>
  </si>
  <si>
    <t>BILL</t>
  </si>
  <si>
    <t>722290-99999-2002.gz</t>
  </si>
  <si>
    <t>BLK DIAMND</t>
  </si>
  <si>
    <t>SMURF</t>
  </si>
  <si>
    <t>726539-94056-2013.gz</t>
  </si>
  <si>
    <t>723235-13896-2000.gz</t>
  </si>
  <si>
    <t>720407-00462-2014.gz</t>
  </si>
  <si>
    <t>SOUTH DIKE 2</t>
  </si>
  <si>
    <t>723700-93167-2004.gz</t>
  </si>
  <si>
    <t>FY2000-CANDLER-043</t>
  </si>
  <si>
    <t>HEATHER LANE</t>
  </si>
  <si>
    <t>722363-23098-2008.gz</t>
  </si>
  <si>
    <t>SHARP PRUITZ</t>
  </si>
  <si>
    <t>726685-94052-2008.gz</t>
  </si>
  <si>
    <t xml:space="preserve">GRAY                     </t>
  </si>
  <si>
    <t>725846-99999-1999.gz</t>
  </si>
  <si>
    <t>722202-12985-2007.gz</t>
  </si>
  <si>
    <t>HOTEL</t>
  </si>
  <si>
    <t>720122-00114-2014.gz</t>
  </si>
  <si>
    <t>FY2002-ATKINSON-090</t>
  </si>
  <si>
    <t>FY2002-LANIER-055</t>
  </si>
  <si>
    <t>725760-24021-2007.gz</t>
  </si>
  <si>
    <t>722123-99999-1993.gz</t>
  </si>
  <si>
    <t>OPHIR CREEK</t>
  </si>
  <si>
    <t>726810-24131-2003.gz</t>
  </si>
  <si>
    <t>2014-108</t>
  </si>
  <si>
    <t>721034-00351-2014.gz</t>
  </si>
  <si>
    <t>FY2000-THOMAS-094</t>
  </si>
  <si>
    <t>FY2013-COOK-017</t>
  </si>
  <si>
    <t>747810-13857-2012.gz</t>
  </si>
  <si>
    <t>726436-99999-2003.gz</t>
  </si>
  <si>
    <t>PURPLE TRAIL</t>
  </si>
  <si>
    <t>722113-53979-2011.gz</t>
  </si>
  <si>
    <t>726437-94940-2010.gz</t>
  </si>
  <si>
    <t>1 YUROK</t>
  </si>
  <si>
    <t>722199-53956-2008.gz</t>
  </si>
  <si>
    <t>YOUNGER RD</t>
  </si>
  <si>
    <t>722193-99999-2004.gz</t>
  </si>
  <si>
    <t>722026-12826-2007.gz</t>
  </si>
  <si>
    <t>726464-99999-2003.gz</t>
  </si>
  <si>
    <t>RED HAWK LANE</t>
  </si>
  <si>
    <t>720458-00476-2015.gz</t>
  </si>
  <si>
    <t>BARNEY 2</t>
  </si>
  <si>
    <t>725724-99999-2003.gz</t>
  </si>
  <si>
    <t>HAWG</t>
  </si>
  <si>
    <t>726776-24036-1997.gz</t>
  </si>
  <si>
    <t>747910-13717-1992.gz</t>
  </si>
  <si>
    <t>MEADOWS</t>
  </si>
  <si>
    <t>747186-03164-2009.gz</t>
  </si>
  <si>
    <t>722284-03892-2007.gz</t>
  </si>
  <si>
    <t>SADDLE MOUNTAIN 2</t>
  </si>
  <si>
    <t>62 days 00:00:00.000000000</t>
  </si>
  <si>
    <t xml:space="preserve">KUNDE                    </t>
  </si>
  <si>
    <t>724957-99999-1993.gz</t>
  </si>
  <si>
    <t>KNADLE</t>
  </si>
  <si>
    <t>MUSIC CREEK</t>
  </si>
  <si>
    <t>MULBERRY COVE FIRE</t>
  </si>
  <si>
    <t>FROG</t>
  </si>
  <si>
    <t>720274-93799-2007.gz</t>
  </si>
  <si>
    <t>NORTHB&amp;S</t>
  </si>
  <si>
    <t>727686-99999-2003.gz</t>
  </si>
  <si>
    <t>KIDS CAMPFIRE</t>
  </si>
  <si>
    <t>726419-94929-2012.gz</t>
  </si>
  <si>
    <t>722255-93842-1993.gz</t>
  </si>
  <si>
    <t>FLAPPER</t>
  </si>
  <si>
    <t>722199-53956-2012.gz</t>
  </si>
  <si>
    <t>KING'S FIRE</t>
  </si>
  <si>
    <t>746930-93737-2013.gz</t>
  </si>
  <si>
    <t>LIME HILL</t>
  </si>
  <si>
    <t>726837-24162-2015.gz</t>
  </si>
  <si>
    <t xml:space="preserve">3RD ST / YUCAIPA BL      </t>
  </si>
  <si>
    <t>722866-99999-2010.gz</t>
  </si>
  <si>
    <t>724502-13932-2015.gz</t>
  </si>
  <si>
    <t>340 TOMAHAWK RD</t>
  </si>
  <si>
    <t>726379-14845-1996.gz</t>
  </si>
  <si>
    <t>MILE MARKER FIVE TWO</t>
  </si>
  <si>
    <t>COLD-2</t>
  </si>
  <si>
    <t>722287-13871-2003.gz</t>
  </si>
  <si>
    <t>FY2011-MERIWETHER-025</t>
  </si>
  <si>
    <t>FY2011-BARROW-012</t>
  </si>
  <si>
    <t>747809-03832-2011.gz</t>
  </si>
  <si>
    <t>BURNING HILL (26)</t>
  </si>
  <si>
    <t>722108-12894-2014.gz</t>
  </si>
  <si>
    <t>724070-93730-2008.gz</t>
  </si>
  <si>
    <t>722108-99999-1996.gz</t>
  </si>
  <si>
    <t>FREEMAN FIRE</t>
  </si>
  <si>
    <t>GRASS FIRE CR 20 &amp; FM 1054</t>
  </si>
  <si>
    <t>BIRCH RIVER</t>
  </si>
  <si>
    <t>722080-13880-1999.gz</t>
  </si>
  <si>
    <t>KENT CREEK</t>
  </si>
  <si>
    <t>FY2002-CATOOSA-059</t>
  </si>
  <si>
    <t>723894-03181-2006.gz</t>
  </si>
  <si>
    <t>STONE 1</t>
  </si>
  <si>
    <t>WILKINS</t>
  </si>
  <si>
    <t>ASSIST 13 ADA COUNTY</t>
  </si>
  <si>
    <t>726810-24131-2007.gz</t>
  </si>
  <si>
    <t>RATTLESNAK</t>
  </si>
  <si>
    <t>724776-99999-1996.gz</t>
  </si>
  <si>
    <t>742300-24037-2006.gz</t>
  </si>
  <si>
    <t>723484-99999-2002.gz</t>
  </si>
  <si>
    <t>WEST</t>
  </si>
  <si>
    <t>723143-99999-1994.gz</t>
  </si>
  <si>
    <t>725165-99999-1998.gz</t>
  </si>
  <si>
    <t>DONNELL</t>
  </si>
  <si>
    <t>725847-93230-2006.gz</t>
  </si>
  <si>
    <t>726196-14610-1998.gz</t>
  </si>
  <si>
    <t>BLUE CAR</t>
  </si>
  <si>
    <t>726810-24131-2001.gz</t>
  </si>
  <si>
    <t>727475-99999-2001.gz</t>
  </si>
  <si>
    <t xml:space="preserve">HIGHWAY                  </t>
  </si>
  <si>
    <t>722926-03154-2003.gz</t>
  </si>
  <si>
    <t>724040-13721-2007.gz</t>
  </si>
  <si>
    <t xml:space="preserve">LASSEN                   </t>
  </si>
  <si>
    <t>VV ASSIST</t>
  </si>
  <si>
    <t>722589-03991-2015.gz</t>
  </si>
  <si>
    <t>PATTON LN</t>
  </si>
  <si>
    <t>723246-53868-2009.gz</t>
  </si>
  <si>
    <t>722484-53905-2009.gz</t>
  </si>
  <si>
    <t>722541-53914-2012.gz</t>
  </si>
  <si>
    <t>STONECUT</t>
  </si>
  <si>
    <t>724927-23285-2009.gz</t>
  </si>
  <si>
    <t>724125-03859-2008.gz</t>
  </si>
  <si>
    <t>722090-03875-2008.gz</t>
  </si>
  <si>
    <t>FY2012-DADE-039</t>
  </si>
  <si>
    <t>CLOWN</t>
  </si>
  <si>
    <t>EMMET 10 - LAKEVIEW</t>
  </si>
  <si>
    <t>727347-14841-2012.gz</t>
  </si>
  <si>
    <t>692704-99999-1995.gz</t>
  </si>
  <si>
    <t>BUNDY</t>
  </si>
  <si>
    <t>727684-99999-2005.gz</t>
  </si>
  <si>
    <t>SHANTY HARRISON</t>
  </si>
  <si>
    <t>723418-13977-1993.gz</t>
  </si>
  <si>
    <t>BEECHWOOD SHORES</t>
  </si>
  <si>
    <t>723030-13714-1996.gz</t>
  </si>
  <si>
    <t>(GL) FIRST (427)</t>
  </si>
  <si>
    <t>720257-63835-2010.gz</t>
  </si>
  <si>
    <t>FY2003-BANKS-001</t>
  </si>
  <si>
    <t>747807-03821-2007.gz</t>
  </si>
  <si>
    <t>FY2012-TREUTLEN-035</t>
  </si>
  <si>
    <t>OR7</t>
  </si>
  <si>
    <t>725570-14943-1998.gz</t>
  </si>
  <si>
    <t>DESERT</t>
  </si>
  <si>
    <t>723825-23131-2011.gz</t>
  </si>
  <si>
    <t>722267-03878-2010.gz</t>
  </si>
  <si>
    <t>IH10 MM 370</t>
  </si>
  <si>
    <t>720659-00239-2010.gz</t>
  </si>
  <si>
    <t>FY2002-BULLOCH-110</t>
  </si>
  <si>
    <t>CEDAR CR</t>
  </si>
  <si>
    <t>103 days 00:00:00.000000000</t>
  </si>
  <si>
    <t>726774-99999-1999.gz</t>
  </si>
  <si>
    <t>ECR-20121031-001</t>
  </si>
  <si>
    <t>COUNTRY COVE FIRE</t>
  </si>
  <si>
    <t>MOON 3</t>
  </si>
  <si>
    <t>SCOTTY'S BAIT &amp; TACKLE</t>
  </si>
  <si>
    <t>747910-13717-1996.gz</t>
  </si>
  <si>
    <t>744104-14763-2006.gz</t>
  </si>
  <si>
    <t>UNIV PARKS/ESTELLA LN</t>
  </si>
  <si>
    <t>722561-99999-2010.gz</t>
  </si>
  <si>
    <t>SER-20120207-003</t>
  </si>
  <si>
    <t>722267-03878-2012.gz</t>
  </si>
  <si>
    <t>725050-04781-2010.gz</t>
  </si>
  <si>
    <t>720376-63880-2007.gz</t>
  </si>
  <si>
    <t>MATT</t>
  </si>
  <si>
    <t>722640-93035-2005.gz</t>
  </si>
  <si>
    <t>723068-99999-1993.gz</t>
  </si>
  <si>
    <t>CHEESE BOX</t>
  </si>
  <si>
    <t>724723-99999-2000.gz</t>
  </si>
  <si>
    <t>DEER</t>
  </si>
  <si>
    <t>725825-24121-2006.gz</t>
  </si>
  <si>
    <t>119944-05161-03052015-1354</t>
  </si>
  <si>
    <t>GILMORE STONE</t>
  </si>
  <si>
    <t>A05735-00209-2015.gz</t>
  </si>
  <si>
    <t>MARY GONZALES RANCH</t>
  </si>
  <si>
    <t>723600-23051-2014.gz</t>
  </si>
  <si>
    <t>FY2012-EFFINGHAM-010</t>
  </si>
  <si>
    <t>FM 1669</t>
  </si>
  <si>
    <t>725454-04903-2015.gz</t>
  </si>
  <si>
    <t>CEDAR GROVE</t>
  </si>
  <si>
    <t>OLD WOODS</t>
  </si>
  <si>
    <t>SPENCE</t>
  </si>
  <si>
    <t>#193</t>
  </si>
  <si>
    <t>BLUE ANGEL WALMART (17)</t>
  </si>
  <si>
    <t>722225-03855-2015.gz</t>
  </si>
  <si>
    <t>24 days 00:00:00.000000000</t>
  </si>
  <si>
    <t>FY2014-WALKER-028</t>
  </si>
  <si>
    <t>722154-53885-2014.gz</t>
  </si>
  <si>
    <t>FELLOW</t>
  </si>
  <si>
    <t xml:space="preserve">PARAMOUNT                </t>
  </si>
  <si>
    <t>WALNUT GAP</t>
  </si>
  <si>
    <t>722730-99999-2000.gz</t>
  </si>
  <si>
    <t>FY2015-BRANTLEY-010</t>
  </si>
  <si>
    <t>722130-13861-2014.gz</t>
  </si>
  <si>
    <t>HILLS  VALLY RD CLUB</t>
  </si>
  <si>
    <t>726525-94911-2014.gz</t>
  </si>
  <si>
    <t>WIDTSOE</t>
  </si>
  <si>
    <t>EATO</t>
  </si>
  <si>
    <t>725290-14768-2007.gz</t>
  </si>
  <si>
    <t>HAWK RD. 1</t>
  </si>
  <si>
    <t>727810-24243-2013.gz</t>
  </si>
  <si>
    <t>JACKASS BU</t>
  </si>
  <si>
    <t xml:space="preserve">SCUTT                    </t>
  </si>
  <si>
    <t>723273-99999-1998.gz</t>
  </si>
  <si>
    <t>FY2011-EFFINGHAM-065</t>
  </si>
  <si>
    <t>747805-63818-2011.gz</t>
  </si>
  <si>
    <t>MEADOW CR.</t>
  </si>
  <si>
    <t>725776-99999-1994.gz</t>
  </si>
  <si>
    <t>BELLVILLE/ FISHER RD</t>
  </si>
  <si>
    <t>A00002-53928-2010.gz</t>
  </si>
  <si>
    <t>N HWY 280  / HWY 92  W 24</t>
  </si>
  <si>
    <t>724938-93231-2007.gz</t>
  </si>
  <si>
    <t>CARRIZO CREEK</t>
  </si>
  <si>
    <t>BASIN VALLEY</t>
  </si>
  <si>
    <t>722683-99999-2001.gz</t>
  </si>
  <si>
    <t>723446-13971-1999.gz</t>
  </si>
  <si>
    <t>OLD LAKE</t>
  </si>
  <si>
    <t>JOHNSONTOWN</t>
  </si>
  <si>
    <t>722429-99999-1996.gz</t>
  </si>
  <si>
    <t>FY2015-PULASKI-002</t>
  </si>
  <si>
    <t>DARN TRASH FIRE</t>
  </si>
  <si>
    <t>720313-03052-2013.gz</t>
  </si>
  <si>
    <t>HURD OAK</t>
  </si>
  <si>
    <t>EAST I-40</t>
  </si>
  <si>
    <t>723630-23047-2004.gz</t>
  </si>
  <si>
    <t>724243-03849-1998.gz</t>
  </si>
  <si>
    <t>BOLINAS RIDGE - BOBO</t>
  </si>
  <si>
    <t>JET</t>
  </si>
  <si>
    <t>726685-94052-2013.gz</t>
  </si>
  <si>
    <t>723115-53854-2012.gz</t>
  </si>
  <si>
    <t>CRANE CREEK</t>
  </si>
  <si>
    <t>722138-63852-2007.gz</t>
  </si>
  <si>
    <t xml:space="preserve">SUTTON RANCH </t>
  </si>
  <si>
    <t>722616-03032-2015.gz</t>
  </si>
  <si>
    <t>720739-00268-2015.gz</t>
  </si>
  <si>
    <t>722177-63811-2006.gz</t>
  </si>
  <si>
    <t>BUFF</t>
  </si>
  <si>
    <t>722165-63808-2008.gz</t>
  </si>
  <si>
    <t>ALCONA 06 - WILDWOOD</t>
  </si>
  <si>
    <t>726395-14808-2013.gz</t>
  </si>
  <si>
    <t>6TH ST</t>
  </si>
  <si>
    <t>722187-93911-2012.gz</t>
  </si>
  <si>
    <t xml:space="preserve">FLORENCE                 </t>
  </si>
  <si>
    <t>MS0    1010-2350917002</t>
  </si>
  <si>
    <t>722340-13865-2010.gz</t>
  </si>
  <si>
    <t>723425-00373-2015.gz</t>
  </si>
  <si>
    <t>724019-93773-2009.gz</t>
  </si>
  <si>
    <t>747946-12886-2008.gz</t>
  </si>
  <si>
    <t>SAUNDERS RD</t>
  </si>
  <si>
    <t>FY2001-WARE-070</t>
  </si>
  <si>
    <t xml:space="preserve">MERIDIAN                 </t>
  </si>
  <si>
    <t>724973-99999-1993.gz</t>
  </si>
  <si>
    <t>HUBERT RD, AL</t>
  </si>
  <si>
    <t>722275-53843-2011.gz</t>
  </si>
  <si>
    <t>723745-93139-1995.gz</t>
  </si>
  <si>
    <t>FORTENBERRY</t>
  </si>
  <si>
    <t>722577-93984-2008.gz</t>
  </si>
  <si>
    <t>BLACK BEAR</t>
  </si>
  <si>
    <t>726508-99999-2004.gz</t>
  </si>
  <si>
    <t>LOST PHONE</t>
  </si>
  <si>
    <t>722193-03722-2012.gz</t>
  </si>
  <si>
    <t>725475-04953-2015.gz</t>
  </si>
  <si>
    <t>BARON SUNALE</t>
  </si>
  <si>
    <t>722199-53956-2010.gz</t>
  </si>
  <si>
    <t>HOLLAND</t>
  </si>
  <si>
    <t>720744-00271-2015.gz</t>
  </si>
  <si>
    <t>CABEU000497</t>
  </si>
  <si>
    <t>725930-23233-2006.gz</t>
  </si>
  <si>
    <t xml:space="preserve">KIMMEL                   </t>
  </si>
  <si>
    <t>SLOKENJIKH</t>
  </si>
  <si>
    <t>701730-26535-2010.gz</t>
  </si>
  <si>
    <t>CAMPBELLS CREEK</t>
  </si>
  <si>
    <t>BOZRAH</t>
  </si>
  <si>
    <t>720426-00141-2015.gz</t>
  </si>
  <si>
    <t>724400-13995-1995.gz</t>
  </si>
  <si>
    <t>724250-03860-2015.gz</t>
  </si>
  <si>
    <t>723106-13744-2011.gz</t>
  </si>
  <si>
    <t>HUNTINGTON DRIVE</t>
  </si>
  <si>
    <t>723140-13881-2012.gz</t>
  </si>
  <si>
    <t xml:space="preserve">DEERE                    </t>
  </si>
  <si>
    <t>OLD</t>
  </si>
  <si>
    <t>FY2014-TALBOT-010</t>
  </si>
  <si>
    <t>722255-93842-2013.gz</t>
  </si>
  <si>
    <t>BERTS CREEK</t>
  </si>
  <si>
    <t>723116-03742-2007.gz</t>
  </si>
  <si>
    <t>DAVISSON RIDGE</t>
  </si>
  <si>
    <t>PP1</t>
  </si>
  <si>
    <t xml:space="preserve">FKU 38855                </t>
  </si>
  <si>
    <t>723897-23167-1995.gz</t>
  </si>
  <si>
    <t>HWY 57 19035</t>
  </si>
  <si>
    <t xml:space="preserve">SPI #6                   </t>
  </si>
  <si>
    <t>722255-93842-2003.gz</t>
  </si>
  <si>
    <t>722265-13821-2007.gz</t>
  </si>
  <si>
    <t>MS0    0808-1020421004</t>
  </si>
  <si>
    <t>YELLOWSTON</t>
  </si>
  <si>
    <t>724860-23154-2001.gz</t>
  </si>
  <si>
    <t>720172-53996-2009.gz</t>
  </si>
  <si>
    <t>723759-53990-2009.gz</t>
  </si>
  <si>
    <t>722429-99999-1994.gz</t>
  </si>
  <si>
    <t>FY2013-DAWSON-017</t>
  </si>
  <si>
    <t>722109-00355-2013.gz</t>
  </si>
  <si>
    <t>724190-03889-2009.gz</t>
  </si>
  <si>
    <t>723060-13722-2000.gz</t>
  </si>
  <si>
    <t>BIG BEACH</t>
  </si>
  <si>
    <t>725945-24283-1995.gz</t>
  </si>
  <si>
    <t>SUNDANCE WEST</t>
  </si>
  <si>
    <t>725763-94053-2011.gz</t>
  </si>
  <si>
    <t>ALMOST</t>
  </si>
  <si>
    <t>726667-24048-2007.gz</t>
  </si>
  <si>
    <t>747760-99999-2003.gz</t>
  </si>
  <si>
    <t>FY2012-BLECKLEY-001</t>
  </si>
  <si>
    <t xml:space="preserve">GRANDVIEW 6              </t>
  </si>
  <si>
    <t>BENNINGTON CANYON</t>
  </si>
  <si>
    <t>725868-94184-2010.gz</t>
  </si>
  <si>
    <t>LITTLE ROCK</t>
  </si>
  <si>
    <t>JUNIPERBAY</t>
  </si>
  <si>
    <t>POGUE</t>
  </si>
  <si>
    <t>726114-54771-2012.gz</t>
  </si>
  <si>
    <t>720409-99999-2008.gz</t>
  </si>
  <si>
    <t xml:space="preserve">MISSION BL  GLAV 75      </t>
  </si>
  <si>
    <t>747040-03102-2008.gz</t>
  </si>
  <si>
    <t>SINCLAIR</t>
  </si>
  <si>
    <t>726690-99999-2010.gz</t>
  </si>
  <si>
    <t xml:space="preserve">OLIVE                    </t>
  </si>
  <si>
    <t>HWY 11 FIRE</t>
  </si>
  <si>
    <t>RAIL BRIDGE</t>
  </si>
  <si>
    <t>720926-00313-2014.gz</t>
  </si>
  <si>
    <t>FY2001-FLOYD-029</t>
  </si>
  <si>
    <t>725105-14770-2005.gz</t>
  </si>
  <si>
    <t>723020-13748-2014.gz</t>
  </si>
  <si>
    <t>720393-00129-2009.gz</t>
  </si>
  <si>
    <t>SE338</t>
  </si>
  <si>
    <t xml:space="preserve">ELEPHANT                 </t>
  </si>
  <si>
    <t>725527-94978-2014.gz</t>
  </si>
  <si>
    <t>722470-03901-2008.gz</t>
  </si>
  <si>
    <t>723756-99999-1994.gz</t>
  </si>
  <si>
    <t>722322-00361-2005.gz</t>
  </si>
  <si>
    <t>726507-99999-2003.gz</t>
  </si>
  <si>
    <t>MS0    0808-3330325016</t>
  </si>
  <si>
    <t>WATER DOG</t>
  </si>
  <si>
    <t>MARSHALL 9</t>
  </si>
  <si>
    <t>CONTINENTAL</t>
  </si>
  <si>
    <t>BOXFORD LAKESHORE</t>
  </si>
  <si>
    <t>744904-94723-2015.gz</t>
  </si>
  <si>
    <t xml:space="preserve">FREEWAY                  </t>
  </si>
  <si>
    <t>725910-24216-2001.gz</t>
  </si>
  <si>
    <t>LINDSAY FARM FIRE</t>
  </si>
  <si>
    <t>FY2001-COLQUITT-010</t>
  </si>
  <si>
    <t>CHATT FIRE</t>
  </si>
  <si>
    <t>NWR-20140507-001</t>
  </si>
  <si>
    <t>LOCKER PLANT</t>
  </si>
  <si>
    <t>STEVE NOVOTNY</t>
  </si>
  <si>
    <t>722479-53907-2006.gz</t>
  </si>
  <si>
    <t>720616-00207-2014.gz</t>
  </si>
  <si>
    <t>ORCHARD</t>
  </si>
  <si>
    <t>723415-03962-2013.gz</t>
  </si>
  <si>
    <t>727474-99999-2000.gz</t>
  </si>
  <si>
    <t>LOST DOG</t>
  </si>
  <si>
    <t>727684-94051-2008.gz</t>
  </si>
  <si>
    <t>FY2000-LOWNDES-200</t>
  </si>
  <si>
    <t>VALENTINE</t>
  </si>
  <si>
    <t>LIMEROCK FIRE</t>
  </si>
  <si>
    <t>722648-03031-2011.gz</t>
  </si>
  <si>
    <t>EVERLASTING</t>
  </si>
  <si>
    <t>722068-99999-1998.gz</t>
  </si>
  <si>
    <t>NO NAME TOO FIRE</t>
  </si>
  <si>
    <t>FIRECRACKE</t>
  </si>
  <si>
    <t>726700-99999-1992.gz</t>
  </si>
  <si>
    <t>724556-13989-2015.gz</t>
  </si>
  <si>
    <t>724833-23206-2004.gz</t>
  </si>
  <si>
    <t>727457-94962-2012.gz</t>
  </si>
  <si>
    <t>JOSSERAND SOUTH FIRE</t>
  </si>
  <si>
    <t>ECR-20121109-001</t>
  </si>
  <si>
    <t>LEFT FORK</t>
  </si>
  <si>
    <t>724475-93909-2007.gz</t>
  </si>
  <si>
    <t>SHA13132793</t>
  </si>
  <si>
    <t>262 GRASS FIRE</t>
  </si>
  <si>
    <t>KOCH</t>
  </si>
  <si>
    <t>726466-54917-2006.gz</t>
  </si>
  <si>
    <t>727450-14913-2007.gz</t>
  </si>
  <si>
    <t>EVAVOLD</t>
  </si>
  <si>
    <t>725621-94063-2012.gz</t>
  </si>
  <si>
    <t>722275-99999-1993.gz</t>
  </si>
  <si>
    <t>747910-13717-2008.gz</t>
  </si>
  <si>
    <t>724458-99999-2002.gz</t>
  </si>
  <si>
    <t>CURTICE</t>
  </si>
  <si>
    <t>HUCKELBERRY FIRE</t>
  </si>
  <si>
    <t>723068-99999-1997.gz</t>
  </si>
  <si>
    <t>MEE CYN SO</t>
  </si>
  <si>
    <t>724776-99999-1999.gz</t>
  </si>
  <si>
    <t>722055-99999-1999.gz</t>
  </si>
  <si>
    <t>FY2013-BLECKLEY-013</t>
  </si>
  <si>
    <t>RADIO TOWER FIRE</t>
  </si>
  <si>
    <t>723069-99999-2000.gz</t>
  </si>
  <si>
    <t>721027-99999-2013.gz</t>
  </si>
  <si>
    <t>LONE OAK RD.</t>
  </si>
  <si>
    <t>724275-99999-2002.gz</t>
  </si>
  <si>
    <t>ROBERSON/DRAW</t>
  </si>
  <si>
    <t>722484-53905-2001.gz</t>
  </si>
  <si>
    <t xml:space="preserve">LANFRANCO                </t>
  </si>
  <si>
    <t>3Y</t>
  </si>
  <si>
    <t>720357-53993-2010.gz</t>
  </si>
  <si>
    <t>PARISH</t>
  </si>
  <si>
    <t>723663-99999-2002.gz</t>
  </si>
  <si>
    <t>724014-93714-2006.gz</t>
  </si>
  <si>
    <t>PINE CREEK S. 30419</t>
  </si>
  <si>
    <t>723566-93950-2013.gz</t>
  </si>
  <si>
    <t>IND25817456</t>
  </si>
  <si>
    <t xml:space="preserve">MUSTANG                  </t>
  </si>
  <si>
    <t>HOGAN</t>
  </si>
  <si>
    <t>725810-99999-2000.gz</t>
  </si>
  <si>
    <t>CROSSROAD</t>
  </si>
  <si>
    <t>724014-99999-2001.gz</t>
  </si>
  <si>
    <t>MS0    0909-3340306006</t>
  </si>
  <si>
    <t>BUZZARD ROOST</t>
  </si>
  <si>
    <t>COUGAR</t>
  </si>
  <si>
    <t>724238-53886-2006.gz</t>
  </si>
  <si>
    <t>LITTLE SLATE CREEK</t>
  </si>
  <si>
    <t>WRING</t>
  </si>
  <si>
    <t>FENCEPOST</t>
  </si>
  <si>
    <t>726700-99999-2003.gz</t>
  </si>
  <si>
    <t>ROUTE 7</t>
  </si>
  <si>
    <t>RIVER RANCH</t>
  </si>
  <si>
    <t xml:space="preserve">MONTIEL 2                </t>
  </si>
  <si>
    <t>722907-53143-2008.gz</t>
  </si>
  <si>
    <t>720598-00191-2010.gz</t>
  </si>
  <si>
    <t>722688-93034-2006.gz</t>
  </si>
  <si>
    <t>722119-99999-1991.gz</t>
  </si>
  <si>
    <t>743700-99999-2002.gz</t>
  </si>
  <si>
    <t>DEERWEED</t>
  </si>
  <si>
    <t>725846-99999-2001.gz</t>
  </si>
  <si>
    <t>SWR-20120304-001</t>
  </si>
  <si>
    <t>722640-99999-2001.gz</t>
  </si>
  <si>
    <t>722050-12815-1998.gz</t>
  </si>
  <si>
    <t>DRYSTEWART</t>
  </si>
  <si>
    <t>KILBURN FORK</t>
  </si>
  <si>
    <t>724354-63815-2011.gz</t>
  </si>
  <si>
    <t>UNNAMED FIRE 1920</t>
  </si>
  <si>
    <t>SW SAN ANTONIO (43)</t>
  </si>
  <si>
    <t>722189-92815-2011.gz</t>
  </si>
  <si>
    <t>FY2002-BERRIEN-119</t>
  </si>
  <si>
    <t>157MM8</t>
  </si>
  <si>
    <t>690170-99999-2004.gz</t>
  </si>
  <si>
    <t>FY2013-WARE-011</t>
  </si>
  <si>
    <t>722130-13861-2012.gz</t>
  </si>
  <si>
    <t>MS2903</t>
  </si>
  <si>
    <t xml:space="preserve">CARO </t>
  </si>
  <si>
    <t>NOBLIZZARD</t>
  </si>
  <si>
    <t>725896-99999-1997.gz</t>
  </si>
  <si>
    <t xml:space="preserve">HUNTSMAN                 </t>
  </si>
  <si>
    <t>GILA BEND</t>
  </si>
  <si>
    <t>MS0    1010-2780331017</t>
  </si>
  <si>
    <t>747580-13978-2010.gz</t>
  </si>
  <si>
    <t>GRASS FIRE/BRUSH</t>
  </si>
  <si>
    <t>722570-03933-2013.gz</t>
  </si>
  <si>
    <t>HAY FIELD</t>
  </si>
  <si>
    <t>723035-99999-2002.gz</t>
  </si>
  <si>
    <t>5171 NEOLA</t>
  </si>
  <si>
    <t>725705-94030-2009.gz</t>
  </si>
  <si>
    <t>724107-53895-2008.gz</t>
  </si>
  <si>
    <t>FIRE ON IRA WARD</t>
  </si>
  <si>
    <t>723529-53929-2013.gz</t>
  </si>
  <si>
    <t>724120-03872-2001.gz</t>
  </si>
  <si>
    <t>FIFTH</t>
  </si>
  <si>
    <t>722055-99999-1997.gz</t>
  </si>
  <si>
    <t>HAM O</t>
  </si>
  <si>
    <t>725290-14768-2009.gz</t>
  </si>
  <si>
    <t>744904-99999-1993.gz</t>
  </si>
  <si>
    <t>POLAR MESA</t>
  </si>
  <si>
    <t>724776-99999-1995.gz</t>
  </si>
  <si>
    <t>LINDEN - 6141</t>
  </si>
  <si>
    <t>MS0    1111-3330301015</t>
  </si>
  <si>
    <t>COOKE CANYON</t>
  </si>
  <si>
    <t>HWY 1071</t>
  </si>
  <si>
    <t>STATIC</t>
  </si>
  <si>
    <t>720853-00281-2013.gz</t>
  </si>
  <si>
    <t>DOWNER</t>
  </si>
  <si>
    <t>724127-99999-1998.gz</t>
  </si>
  <si>
    <t>MS0    0808-4460712001</t>
  </si>
  <si>
    <t xml:space="preserve">FARIA                    </t>
  </si>
  <si>
    <t>CAT CREEK</t>
  </si>
  <si>
    <t>HORSE CAMP</t>
  </si>
  <si>
    <t>722693-93097-2010.gz</t>
  </si>
  <si>
    <t>MONDAY</t>
  </si>
  <si>
    <t>SPREAD RUN</t>
  </si>
  <si>
    <t>WHI5834689</t>
  </si>
  <si>
    <t>723405-03930-2014.gz</t>
  </si>
  <si>
    <t>722720-99999-2000.gz</t>
  </si>
  <si>
    <t>D. GARNER FIRE</t>
  </si>
  <si>
    <t>FRAIL</t>
  </si>
  <si>
    <t>PICK-UP</t>
  </si>
  <si>
    <t xml:space="preserve">MD17                     </t>
  </si>
  <si>
    <t>34 @ 1550</t>
  </si>
  <si>
    <t>722362-93937-2012.gz</t>
  </si>
  <si>
    <t>BURNSITE</t>
  </si>
  <si>
    <t>RADIO TOWE</t>
  </si>
  <si>
    <t>EAST TWIN</t>
  </si>
  <si>
    <t>FISH BOX</t>
  </si>
  <si>
    <t>726837-24162-2002.gz</t>
  </si>
  <si>
    <t>E. WHISKEY LK 1</t>
  </si>
  <si>
    <t>722764-03029-2007.gz</t>
  </si>
  <si>
    <t>BORDER 76</t>
  </si>
  <si>
    <t>722904-23196-1999.gz</t>
  </si>
  <si>
    <t>KATHERINE DRIVE FIRE #2</t>
  </si>
  <si>
    <t>722201-03723-2010.gz</t>
  </si>
  <si>
    <t>KNOLLS FIRE</t>
  </si>
  <si>
    <t>725724-99999-2001.gz</t>
  </si>
  <si>
    <t>DUCK CREEK</t>
  </si>
  <si>
    <t>722447-53903-2006.gz</t>
  </si>
  <si>
    <t>BIG CREEK</t>
  </si>
  <si>
    <t>722444-99999-1999.gz</t>
  </si>
  <si>
    <t>FINKBEINER</t>
  </si>
  <si>
    <t>726904-24231-2000.gz</t>
  </si>
  <si>
    <t>CHEVY</t>
  </si>
  <si>
    <t xml:space="preserve">NELLA                    </t>
  </si>
  <si>
    <t>722730-03124-2004.gz</t>
  </si>
  <si>
    <t>HIGHLAND</t>
  </si>
  <si>
    <t>CANE CREEK</t>
  </si>
  <si>
    <t>724243-03849-2002.gz</t>
  </si>
  <si>
    <t>S&amp;S</t>
  </si>
  <si>
    <t>RANCH</t>
  </si>
  <si>
    <t>722880-23152-2007.gz</t>
  </si>
  <si>
    <t xml:space="preserve">LARSON                   </t>
  </si>
  <si>
    <t>CRUMBACHER</t>
  </si>
  <si>
    <t>727890-94197-2012.gz</t>
  </si>
  <si>
    <t>OWL TREE</t>
  </si>
  <si>
    <t>747460-03904-2010.gz</t>
  </si>
  <si>
    <t>722867-99999-2001.gz</t>
  </si>
  <si>
    <t xml:space="preserve">MONO                     </t>
  </si>
  <si>
    <t>IH37/MM104</t>
  </si>
  <si>
    <t>720395-00130-2010.gz</t>
  </si>
  <si>
    <t>994380-99999-1994.gz</t>
  </si>
  <si>
    <t>LAUREL TWO</t>
  </si>
  <si>
    <t>723150-03812-2003.gz</t>
  </si>
  <si>
    <t>725294-00383-2007.gz</t>
  </si>
  <si>
    <t>DENMAN GRASS FIRE</t>
  </si>
  <si>
    <t>TISH TANG #1</t>
  </si>
  <si>
    <t>725945-24283-2010.gz</t>
  </si>
  <si>
    <t>GASKIN 2</t>
  </si>
  <si>
    <t>CREEK RUN ROAD</t>
  </si>
  <si>
    <t>724117-99999-2000.gz</t>
  </si>
  <si>
    <t>MORRIS CREEK WMA</t>
  </si>
  <si>
    <t>724140-13866-2011.gz</t>
  </si>
  <si>
    <t>GATES</t>
  </si>
  <si>
    <t>FRANKLINSTEIN</t>
  </si>
  <si>
    <t>727870-94119-2012.gz</t>
  </si>
  <si>
    <t>HAMMONDS</t>
  </si>
  <si>
    <t>BIG OAK FIRE</t>
  </si>
  <si>
    <t>726577-99999-1997.gz</t>
  </si>
  <si>
    <t>DRE8819721</t>
  </si>
  <si>
    <t>720175-53919-2014.gz</t>
  </si>
  <si>
    <t xml:space="preserve">FAIRWAY                  </t>
  </si>
  <si>
    <t>MS0    0808-4550219001</t>
  </si>
  <si>
    <t>HERREN</t>
  </si>
  <si>
    <t>726883-04113-2007.gz</t>
  </si>
  <si>
    <t>W HWY 380 06/10/2014</t>
  </si>
  <si>
    <t>720305-53964-2014.gz</t>
  </si>
  <si>
    <t>BLOWIN TIRES, AND LIGHTING FIRES</t>
  </si>
  <si>
    <t>193 days 00:00:00.000000000</t>
  </si>
  <si>
    <t>LITTLE BALDY</t>
  </si>
  <si>
    <t>722053-12841-1992.gz</t>
  </si>
  <si>
    <t>727870-94119-2015.gz</t>
  </si>
  <si>
    <t>QUILLEN ROAD</t>
  </si>
  <si>
    <t>HWY 271S GRASS FIRE 10/21</t>
  </si>
  <si>
    <t>PEACH GROUND</t>
  </si>
  <si>
    <t>POET CREEK</t>
  </si>
  <si>
    <t>S2001400066.0</t>
  </si>
  <si>
    <t>747560-12816-2009.gz</t>
  </si>
  <si>
    <t>CAMPGROUND</t>
  </si>
  <si>
    <t>742300-24037-2008.gz</t>
  </si>
  <si>
    <t>CRABTREE</t>
  </si>
  <si>
    <t>720379-63882-2007.gz</t>
  </si>
  <si>
    <t>SOUTH SEVICE RD 110MM</t>
  </si>
  <si>
    <t>722362-93937-2009.gz</t>
  </si>
  <si>
    <t>GARDEN</t>
  </si>
  <si>
    <t>FM 1365</t>
  </si>
  <si>
    <t>725566-04957-2015.gz</t>
  </si>
  <si>
    <t>BEAR DEN #2</t>
  </si>
  <si>
    <t>8355FM 1836</t>
  </si>
  <si>
    <t>722489-53911-2015.gz</t>
  </si>
  <si>
    <t>STRAIGHT FORK 2</t>
  </si>
  <si>
    <t>NER-20140826-004</t>
  </si>
  <si>
    <t>722285-03896-2014.gz</t>
  </si>
  <si>
    <t>TRUCK FIRE</t>
  </si>
  <si>
    <t>726650-94023-2012.gz</t>
  </si>
  <si>
    <t>FOREST RD. 215  (45)</t>
  </si>
  <si>
    <t>A00023-63890-2013.gz</t>
  </si>
  <si>
    <t>SPARK</t>
  </si>
  <si>
    <t>722187-93911-2015.gz</t>
  </si>
  <si>
    <t>745985-99999-1995.gz</t>
  </si>
  <si>
    <t>MUDLLICK</t>
  </si>
  <si>
    <t>724175-99999-2000.gz</t>
  </si>
  <si>
    <t>724056-63805-2007.gz</t>
  </si>
  <si>
    <t>722020-12839-2000.gz</t>
  </si>
  <si>
    <t>VC#2</t>
  </si>
  <si>
    <t>POWERHOUSE RD  AUBERRY</t>
  </si>
  <si>
    <t>IVY POINT</t>
  </si>
  <si>
    <t>FY2002-DECATUR-104</t>
  </si>
  <si>
    <t>MOR BLANCO</t>
  </si>
  <si>
    <t>2014-3920</t>
  </si>
  <si>
    <t>723630-23047-2014.gz</t>
  </si>
  <si>
    <t>0901   SUGAR PINE</t>
  </si>
  <si>
    <t>WILDERNESS</t>
  </si>
  <si>
    <t>722044-53930-2008.gz</t>
  </si>
  <si>
    <t>HATCHER MTN</t>
  </si>
  <si>
    <t>723260-13891-2013.gz</t>
  </si>
  <si>
    <t>10595 BRIGGS RD.</t>
  </si>
  <si>
    <t>13-0000158</t>
  </si>
  <si>
    <t>LAMAR</t>
  </si>
  <si>
    <t>720358-53999-2011.gz</t>
  </si>
  <si>
    <t>723105-93833-1996.gz</t>
  </si>
  <si>
    <t>LOZEAU NEST</t>
  </si>
  <si>
    <t>725705-94030-2007.gz</t>
  </si>
  <si>
    <t>BRATTEN</t>
  </si>
  <si>
    <t>FY2011-DOUGHERTY-019</t>
  </si>
  <si>
    <t>724100-13733-2014.gz</t>
  </si>
  <si>
    <t>725476-99999-2003.gz</t>
  </si>
  <si>
    <t>CAMPBELL</t>
  </si>
  <si>
    <t>GAYDOS #1</t>
  </si>
  <si>
    <t>ROCKY CANYON RD  SLO_CO</t>
  </si>
  <si>
    <t>722897-93206-2011.gz</t>
  </si>
  <si>
    <t>NEMOTE</t>
  </si>
  <si>
    <t>727730-24153-2013.gz</t>
  </si>
  <si>
    <t>FY2000-MERIWETHER-043</t>
  </si>
  <si>
    <t>722570-03933-2008.gz</t>
  </si>
  <si>
    <t>CR 38, AL</t>
  </si>
  <si>
    <t>720265-63833-2011.gz</t>
  </si>
  <si>
    <t>FY2000-LAMAR-046</t>
  </si>
  <si>
    <t>OPEKISKA RD.</t>
  </si>
  <si>
    <t>724175-99999-2004.gz</t>
  </si>
  <si>
    <t>723754-99999-1994.gz</t>
  </si>
  <si>
    <t>CIRCLE T</t>
  </si>
  <si>
    <t xml:space="preserve">NORTH                    </t>
  </si>
  <si>
    <t>720314-93983-2007.gz</t>
  </si>
  <si>
    <t>MS0    0909-1290908002</t>
  </si>
  <si>
    <t>FY2012-POLK-032</t>
  </si>
  <si>
    <t>722589-03991-2011.gz</t>
  </si>
  <si>
    <t>CUT N TORCH</t>
  </si>
  <si>
    <t>722284-99999-1994.gz</t>
  </si>
  <si>
    <t>724666-99999-1994.gz</t>
  </si>
  <si>
    <t>LAKE WASHINGTON RESERVE  (05)</t>
  </si>
  <si>
    <t>722040-12838-2012.gz</t>
  </si>
  <si>
    <t>KEVIN MOSER</t>
  </si>
  <si>
    <t>726685-99999-2003.gz</t>
  </si>
  <si>
    <t>FY2000-MONROE-051</t>
  </si>
  <si>
    <t>722268-99999-2003.gz</t>
  </si>
  <si>
    <t>GRANT KOHRS</t>
  </si>
  <si>
    <t>8608 MASON-DIXON HWY</t>
  </si>
  <si>
    <t>STUMP 1</t>
  </si>
  <si>
    <t>117 days 00:00:00.000000000</t>
  </si>
  <si>
    <t>725196-64775-2014.gz</t>
  </si>
  <si>
    <t>723273-13827-2006.gz</t>
  </si>
  <si>
    <t>CO RD 187</t>
  </si>
  <si>
    <t>726578-99999-1995.gz</t>
  </si>
  <si>
    <t>GEORGE OLIVE RD</t>
  </si>
  <si>
    <t>HESS (43)</t>
  </si>
  <si>
    <t>720401-00133-2015.gz</t>
  </si>
  <si>
    <t>GOING SOLO</t>
  </si>
  <si>
    <t>ROTTWEILER</t>
  </si>
  <si>
    <t xml:space="preserve">PALOMARES #2             </t>
  </si>
  <si>
    <t>GLEN LYON</t>
  </si>
  <si>
    <t>LINDALE FIRE</t>
  </si>
  <si>
    <t>722154-53885-2008.gz</t>
  </si>
  <si>
    <t>CANYONVILLE FIRE</t>
  </si>
  <si>
    <t>726904-24231-1994.gz</t>
  </si>
  <si>
    <t>OLD LADY</t>
  </si>
  <si>
    <t>ATLANTICFD</t>
  </si>
  <si>
    <t>994160-99999-1998.gz</t>
  </si>
  <si>
    <t>CR 104</t>
  </si>
  <si>
    <t>SUB</t>
  </si>
  <si>
    <t>032 CHICO</t>
  </si>
  <si>
    <t>RIVER JUNCTION</t>
  </si>
  <si>
    <t>SHIP</t>
  </si>
  <si>
    <t>994012-99999-2014.gz</t>
  </si>
  <si>
    <t>TURKEY SLOUGH (47)</t>
  </si>
  <si>
    <t>722261-00360-2014.gz</t>
  </si>
  <si>
    <t>CARPENTER</t>
  </si>
  <si>
    <t>749486-00397-2012.gz</t>
  </si>
  <si>
    <t>MS1805</t>
  </si>
  <si>
    <t>173233 CO RD 49, AL</t>
  </si>
  <si>
    <t>INDIAN WELL FIRE  (67)</t>
  </si>
  <si>
    <t>722070-03822-2004.gz</t>
  </si>
  <si>
    <t>722148-63824-2008.gz</t>
  </si>
  <si>
    <t>WINTER DRIVE</t>
  </si>
  <si>
    <t>ALLEGHANY TUNNELS</t>
  </si>
  <si>
    <t>724127-53801-2012.gz</t>
  </si>
  <si>
    <t>CEMENT PLANT</t>
  </si>
  <si>
    <t>NER-20130406-003</t>
  </si>
  <si>
    <t>720674-00249-2013.gz</t>
  </si>
  <si>
    <t>GTR</t>
  </si>
  <si>
    <t>CR2400 &amp; CR2500</t>
  </si>
  <si>
    <t>722188-53985-2007.gz</t>
  </si>
  <si>
    <t>TOUCHSTONE</t>
  </si>
  <si>
    <t>BLUESKY 4</t>
  </si>
  <si>
    <t>725760-24021-1995.gz</t>
  </si>
  <si>
    <t>724238-53886-2008.gz</t>
  </si>
  <si>
    <t>FY2001-JONES-034</t>
  </si>
  <si>
    <t>WESTPORT 40-22</t>
  </si>
  <si>
    <t>726777-94055-2006.gz</t>
  </si>
  <si>
    <t>WARFIELD ROAD</t>
  </si>
  <si>
    <t>726385-99999-1997.gz</t>
  </si>
  <si>
    <t>BEANIE</t>
  </si>
  <si>
    <t>BOAT L SMK</t>
  </si>
  <si>
    <t>727845-24163-1999.gz</t>
  </si>
  <si>
    <t>747580-13978-2013.gz</t>
  </si>
  <si>
    <t>722975-53141-2011.gz</t>
  </si>
  <si>
    <t>CAMP GERONIMO FIRE</t>
  </si>
  <si>
    <t>722218-00356-2011.gz</t>
  </si>
  <si>
    <t>AMOSWASH</t>
  </si>
  <si>
    <t>723747-99999-1998.gz</t>
  </si>
  <si>
    <t>LEFFLER (64)</t>
  </si>
  <si>
    <t>722361-92808-2014.gz</t>
  </si>
  <si>
    <t>725187-94733-2006.gz</t>
  </si>
  <si>
    <t>726558-99999-1996.gz</t>
  </si>
  <si>
    <t>MILDRED</t>
  </si>
  <si>
    <t>726165-94721-2007.gz</t>
  </si>
  <si>
    <t>BENA 1</t>
  </si>
  <si>
    <t>727497-04984-2007.gz</t>
  </si>
  <si>
    <t>724106-13728-2006.gz</t>
  </si>
  <si>
    <t>720362-63874-2010.gz</t>
  </si>
  <si>
    <t>HUTCHINSON ROAD</t>
  </si>
  <si>
    <t>722178-53953-2015.gz</t>
  </si>
  <si>
    <t xml:space="preserve">FIRE </t>
  </si>
  <si>
    <t>722209-12986-2011.gz</t>
  </si>
  <si>
    <t>FY2015-COFFEE-012</t>
  </si>
  <si>
    <t>722062-63842-2014.gz</t>
  </si>
  <si>
    <t>SH152/CR2</t>
  </si>
  <si>
    <t>723635-03024-2010.gz</t>
  </si>
  <si>
    <t>MS0    1010-2501213001</t>
  </si>
  <si>
    <t>722788-99999-2005.gz</t>
  </si>
  <si>
    <t>720296-53945-2014.gz</t>
  </si>
  <si>
    <t xml:space="preserve">BUHACH                   </t>
  </si>
  <si>
    <t>724810-23203-2010.gz</t>
  </si>
  <si>
    <t>724466-03929-2003.gz</t>
  </si>
  <si>
    <t>RL249</t>
  </si>
  <si>
    <t>BEAVER CREEK</t>
  </si>
  <si>
    <t>727735-24139-1996.gz</t>
  </si>
  <si>
    <t>720596-00189-2010.gz</t>
  </si>
  <si>
    <t>GOVERNMENT</t>
  </si>
  <si>
    <t>722159-12980-2007.gz</t>
  </si>
  <si>
    <t>722230-13894-2007.gz</t>
  </si>
  <si>
    <t>FY2014-EMANUEL-040</t>
  </si>
  <si>
    <t>COUNTRY</t>
  </si>
  <si>
    <t>723820-23182-1995.gz</t>
  </si>
  <si>
    <t>UNNAMED FIRE 0102</t>
  </si>
  <si>
    <t>723840-23155-1998.gz</t>
  </si>
  <si>
    <t>LIVINGSTON - 179</t>
  </si>
  <si>
    <t xml:space="preserve">DUMP                     </t>
  </si>
  <si>
    <t>HENDON RD 9 10 11</t>
  </si>
  <si>
    <t>ABBY</t>
  </si>
  <si>
    <t>FY2001-NEWTON-024</t>
  </si>
  <si>
    <t>722255-93842-1995.gz</t>
  </si>
  <si>
    <t>FORT FAIRFIELD</t>
  </si>
  <si>
    <t>727130-14604-1992.gz</t>
  </si>
  <si>
    <t>SLOW CRAWLER</t>
  </si>
  <si>
    <t>723146-99999-2001.gz</t>
  </si>
  <si>
    <t>(65) BETHEL RD FIRE</t>
  </si>
  <si>
    <t>722140-93805-2011.gz</t>
  </si>
  <si>
    <t xml:space="preserve">WESTALL                  </t>
  </si>
  <si>
    <t>998219-99999-2013.gz</t>
  </si>
  <si>
    <t>725905-99999-2001.gz</t>
  </si>
  <si>
    <t>GODDARD</t>
  </si>
  <si>
    <t>725784-04109-2009.gz</t>
  </si>
  <si>
    <t xml:space="preserve">SCHMIDT                  </t>
  </si>
  <si>
    <t xml:space="preserve">BUDLIGHT                 </t>
  </si>
  <si>
    <t>724838-99999-1997.gz</t>
  </si>
  <si>
    <t xml:space="preserve">HWY 101 # 4              </t>
  </si>
  <si>
    <t>690020-93218-1996.gz</t>
  </si>
  <si>
    <t>FIVER POINTS #1</t>
  </si>
  <si>
    <t>723235-13896-2011.gz</t>
  </si>
  <si>
    <t>DUKE</t>
  </si>
  <si>
    <t>723745-93139-1997.gz</t>
  </si>
  <si>
    <t>724090-14780-1996.gz</t>
  </si>
  <si>
    <t>720769-00275-2013.gz</t>
  </si>
  <si>
    <t>FY2000-CHATHAM-013</t>
  </si>
  <si>
    <t>CO. RD 534</t>
  </si>
  <si>
    <t>726578-99999-1997.gz</t>
  </si>
  <si>
    <t>724625-99999-1995.gz</t>
  </si>
  <si>
    <t>MASON</t>
  </si>
  <si>
    <t>747186-99999-1998.gz</t>
  </si>
  <si>
    <t>#103</t>
  </si>
  <si>
    <t>TIOGA</t>
  </si>
  <si>
    <t>723894-99999-1996.gz</t>
  </si>
  <si>
    <t>ABBEY</t>
  </si>
  <si>
    <t>911977-99999-2005.gz</t>
  </si>
  <si>
    <t>727926-99999-2002.gz</t>
  </si>
  <si>
    <t>722103-99999-1992.gz</t>
  </si>
  <si>
    <t>FM3249 &amp; 257DUVALCOUNTY</t>
  </si>
  <si>
    <t>722338-12994-2011.gz</t>
  </si>
  <si>
    <t>722235-13838-1998.gz</t>
  </si>
  <si>
    <t>CB RANCH</t>
  </si>
  <si>
    <t>726865-99999-2005.gz</t>
  </si>
  <si>
    <t>JUNK CARS</t>
  </si>
  <si>
    <t>SHAFFER</t>
  </si>
  <si>
    <t>727475-04940-2006.gz</t>
  </si>
  <si>
    <t>WILLAMAR</t>
  </si>
  <si>
    <t>722505-12904-2012.gz</t>
  </si>
  <si>
    <t>BEANS</t>
  </si>
  <si>
    <t>726515-94902-2011.gz</t>
  </si>
  <si>
    <t>FY2011-FLOYD-107</t>
  </si>
  <si>
    <t>FY2002-JEFFERSON-008</t>
  </si>
  <si>
    <t xml:space="preserve">INGRAHAM                 </t>
  </si>
  <si>
    <t>722429-99999-2003.gz</t>
  </si>
  <si>
    <t>FY2003-JENKINS-014</t>
  </si>
  <si>
    <t>722113-53979-2008.gz</t>
  </si>
  <si>
    <t>726417-54911-2011.gz</t>
  </si>
  <si>
    <t>NER-20130918-001</t>
  </si>
  <si>
    <t>MILLER CREEK FIRE</t>
  </si>
  <si>
    <t>723144-53890-2015.gz</t>
  </si>
  <si>
    <t>R2013-03-41</t>
  </si>
  <si>
    <t>RRMP360S</t>
  </si>
  <si>
    <t xml:space="preserve">SAN JOAQUIN              </t>
  </si>
  <si>
    <t>724815-99999-1992.gz</t>
  </si>
  <si>
    <t>FY2016-WARE-004</t>
  </si>
  <si>
    <t>720392-00128-2015.gz</t>
  </si>
  <si>
    <t>PALA</t>
  </si>
  <si>
    <t>PARKER TICKET</t>
  </si>
  <si>
    <t>JUDGE</t>
  </si>
  <si>
    <t>727675-99999-2000.gz</t>
  </si>
  <si>
    <t>724116-13868-2007.gz</t>
  </si>
  <si>
    <t>MODEL LAND (13)</t>
  </si>
  <si>
    <t>998284-99999-2014.gz</t>
  </si>
  <si>
    <t>KAVENA</t>
  </si>
  <si>
    <t>723740-23194-2011.gz</t>
  </si>
  <si>
    <t>HUGHES CR</t>
  </si>
  <si>
    <t>701730-99999-2004.gz</t>
  </si>
  <si>
    <t>CRYSTAL</t>
  </si>
  <si>
    <t>724833-99999-2003.gz</t>
  </si>
  <si>
    <t>FY2000-GRADY-103</t>
  </si>
  <si>
    <t xml:space="preserve">SYCUAN WEST              </t>
  </si>
  <si>
    <t>OLD_RANCH</t>
  </si>
  <si>
    <t>CADE ROAD</t>
  </si>
  <si>
    <t>726437-99999-2004.gz</t>
  </si>
  <si>
    <t>FRY</t>
  </si>
  <si>
    <t>723750-03103-2009.gz</t>
  </si>
  <si>
    <t>720616-00207-2011.gz</t>
  </si>
  <si>
    <t>722215-13884-1999.gz</t>
  </si>
  <si>
    <t>OLD CYPRESS STUMP(21)</t>
  </si>
  <si>
    <t>723628-99999-2005.gz</t>
  </si>
  <si>
    <t>BOOLE</t>
  </si>
  <si>
    <t>720267-23224-2012.gz</t>
  </si>
  <si>
    <t>720293-04989-2006.gz</t>
  </si>
  <si>
    <t>ASTRO (53)</t>
  </si>
  <si>
    <t>722123-12809-2011.gz</t>
  </si>
  <si>
    <t>FY2011-COFFEE-059</t>
  </si>
  <si>
    <t>ECKERTY Y</t>
  </si>
  <si>
    <t>724365-99999-2003.gz</t>
  </si>
  <si>
    <t>727457-94962-2011.gz</t>
  </si>
  <si>
    <t>OLD DUMP</t>
  </si>
  <si>
    <t>725867-24133-2012.gz</t>
  </si>
  <si>
    <t>SQUAW RUN RD</t>
  </si>
  <si>
    <t>725204-04813-2014.gz</t>
  </si>
  <si>
    <t>724490-13993-2014.gz</t>
  </si>
  <si>
    <t>WATSON</t>
  </si>
  <si>
    <t>TOWN</t>
  </si>
  <si>
    <t>NO DINNER</t>
  </si>
  <si>
    <t>BAR F BAR</t>
  </si>
  <si>
    <t>CSRAILROAD</t>
  </si>
  <si>
    <t>727845-24163-1998.gz</t>
  </si>
  <si>
    <t>SUBSTATION</t>
  </si>
  <si>
    <t>RIVER ROAD # 1</t>
  </si>
  <si>
    <t>723067-93726-2013.gz</t>
  </si>
  <si>
    <t xml:space="preserve">LOVELESS                 </t>
  </si>
  <si>
    <t>LAFAYETTE 2</t>
  </si>
  <si>
    <t>2231 FIRE</t>
  </si>
  <si>
    <t>BOAR</t>
  </si>
  <si>
    <t>727670-94014-2004.gz</t>
  </si>
  <si>
    <t>AG BRUSH BURN</t>
  </si>
  <si>
    <t>720779-00461-2013.gz</t>
  </si>
  <si>
    <t xml:space="preserve">FLYNN                    </t>
  </si>
  <si>
    <t>SHADOW</t>
  </si>
  <si>
    <t>745057-99999-2000.gz</t>
  </si>
  <si>
    <t>HODGES RD.</t>
  </si>
  <si>
    <t>TURNBULL</t>
  </si>
  <si>
    <t>LEFT FORK OF BIG LYNN CREEK</t>
  </si>
  <si>
    <t>AUVIL CANYON</t>
  </si>
  <si>
    <t>POINT</t>
  </si>
  <si>
    <t>EXIT 170</t>
  </si>
  <si>
    <t>723060-13722-2001.gz</t>
  </si>
  <si>
    <t>722748-99999-2004.gz</t>
  </si>
  <si>
    <t>POTOSI</t>
  </si>
  <si>
    <t>722096-53127-2007.gz</t>
  </si>
  <si>
    <t>120352-11043-03122015-1341</t>
  </si>
  <si>
    <t>724454-93996-2015.gz</t>
  </si>
  <si>
    <t>726166-54781-2006.gz</t>
  </si>
  <si>
    <t>723820-23182-2014.gz</t>
  </si>
  <si>
    <t>HILLVIEW#1</t>
  </si>
  <si>
    <t xml:space="preserve">VAQUEROS                 </t>
  </si>
  <si>
    <t>724927-99999-1998.gz</t>
  </si>
  <si>
    <t>FY2002-MCINTOSH-059</t>
  </si>
  <si>
    <t>MARKS CREEK CROSSING</t>
  </si>
  <si>
    <t>723109-99999-2003.gz</t>
  </si>
  <si>
    <t>HAYBARN RD(64)</t>
  </si>
  <si>
    <t>MAVERICK</t>
  </si>
  <si>
    <t>RAINBOW RG</t>
  </si>
  <si>
    <t xml:space="preserve">BAIR                     </t>
  </si>
  <si>
    <t>HAMMONTON</t>
  </si>
  <si>
    <t>CORN FIELD</t>
  </si>
  <si>
    <t>727686-94017-2014.gz</t>
  </si>
  <si>
    <t>722199-53956-2013.gz</t>
  </si>
  <si>
    <t>STEVEN'S ROAD</t>
  </si>
  <si>
    <t>723980-93720-2011.gz</t>
  </si>
  <si>
    <t>GILBERT</t>
  </si>
  <si>
    <t>WAMMEN</t>
  </si>
  <si>
    <t>726627-94037-2000.gz</t>
  </si>
  <si>
    <t>SOLID WASTE</t>
  </si>
  <si>
    <t>727687-94028-2006.gz</t>
  </si>
  <si>
    <t>COBRA</t>
  </si>
  <si>
    <t>722053-12841-2006.gz</t>
  </si>
  <si>
    <t>998266-99999-2013.gz</t>
  </si>
  <si>
    <t>724097-99999-1994.gz</t>
  </si>
  <si>
    <t>722710-93045-1994.gz</t>
  </si>
  <si>
    <t>EAST PENINSULA</t>
  </si>
  <si>
    <t xml:space="preserve">DARBY                    </t>
  </si>
  <si>
    <t>1000 S LOOP 340</t>
  </si>
  <si>
    <t>722561-99999-2012.gz</t>
  </si>
  <si>
    <t xml:space="preserve">AVE 15  / HWY 41         </t>
  </si>
  <si>
    <t>725015-99999-2002.gz</t>
  </si>
  <si>
    <t>NWR-20151018-003</t>
  </si>
  <si>
    <t>722266-99999-2015.gz</t>
  </si>
  <si>
    <t>723556-99999-2003.gz</t>
  </si>
  <si>
    <t>FT HARNEY1</t>
  </si>
  <si>
    <t>725155-99999-1999.gz</t>
  </si>
  <si>
    <t>ASENAPER</t>
  </si>
  <si>
    <t>723575-03950-2008.gz</t>
  </si>
  <si>
    <t>RUBBLE</t>
  </si>
  <si>
    <t>722500-12919-2003.gz</t>
  </si>
  <si>
    <t>722618-99999-2008.gz</t>
  </si>
  <si>
    <t>HICKS GAP</t>
  </si>
  <si>
    <t>WALLSBURG</t>
  </si>
  <si>
    <t>725724-99999-1997.gz</t>
  </si>
  <si>
    <t xml:space="preserve">E LINE ST / AIRPORT RD   </t>
  </si>
  <si>
    <t>723894-03181-2007.gz</t>
  </si>
  <si>
    <t>CROOKSTON</t>
  </si>
  <si>
    <t>720918-00307-2012.gz</t>
  </si>
  <si>
    <t>110 TH AVE</t>
  </si>
  <si>
    <t>720871-00296-2012.gz</t>
  </si>
  <si>
    <t>12-0000091</t>
  </si>
  <si>
    <t>722542-03999-2012.gz</t>
  </si>
  <si>
    <t>LITTLE COAL RIVER</t>
  </si>
  <si>
    <t>FY2001-BRYAN NORTH-026</t>
  </si>
  <si>
    <t>TATER HEAD</t>
  </si>
  <si>
    <t>FY2002-HARRIS-091</t>
  </si>
  <si>
    <t>722255-93842-2002.gz</t>
  </si>
  <si>
    <t xml:space="preserve">LEISURE IC T9            </t>
  </si>
  <si>
    <t>ROSITA#2</t>
  </si>
  <si>
    <t>723630-23047-2000.gz</t>
  </si>
  <si>
    <t>JUNK FIRE</t>
  </si>
  <si>
    <t>COOL DAM</t>
  </si>
  <si>
    <t>N HWY 11 #1</t>
  </si>
  <si>
    <t>LAUGHING HORSE</t>
  </si>
  <si>
    <t>726837-24162-2006.gz</t>
  </si>
  <si>
    <t>CALAVERAS</t>
  </si>
  <si>
    <t>FY2002-COOK-058</t>
  </si>
  <si>
    <t>VIEW</t>
  </si>
  <si>
    <t>723654-93091-2009.gz</t>
  </si>
  <si>
    <t>DALLAS/SHAFFER AND ROBERTSON</t>
  </si>
  <si>
    <t>722204-04996-2009.gz</t>
  </si>
  <si>
    <t>LITTLECOY</t>
  </si>
  <si>
    <t>NW-BLKPINN</t>
  </si>
  <si>
    <t>725220-14750-2010.gz</t>
  </si>
  <si>
    <t>SAMPSON</t>
  </si>
  <si>
    <t>HOCKEY PUCK</t>
  </si>
  <si>
    <t>723783-03195-2007.gz</t>
  </si>
  <si>
    <t xml:space="preserve">EMPIRE                   </t>
  </si>
  <si>
    <t>745096-99999-1996.gz</t>
  </si>
  <si>
    <t>FRENCH RIDGE</t>
  </si>
  <si>
    <t>727815-24237-2009.gz</t>
  </si>
  <si>
    <t>TANBARK</t>
  </si>
  <si>
    <t>722887-03180-2009.gz</t>
  </si>
  <si>
    <t>WW1512</t>
  </si>
  <si>
    <t>LOST HYDRANT FIRE</t>
  </si>
  <si>
    <t>M-115 MUSHROOM</t>
  </si>
  <si>
    <t>HAY GULCH</t>
  </si>
  <si>
    <t>10 MI RY</t>
  </si>
  <si>
    <t>720257-63835-2009.gz</t>
  </si>
  <si>
    <t xml:space="preserve">NCN 86                   </t>
  </si>
  <si>
    <t>COP</t>
  </si>
  <si>
    <t>CONDO STAND FIRE</t>
  </si>
  <si>
    <t>727573-99999-1993.gz</t>
  </si>
  <si>
    <t>TIED DOWN</t>
  </si>
  <si>
    <t>BUCKEYE</t>
  </si>
  <si>
    <t>DOG BAR</t>
  </si>
  <si>
    <t>LOONEY TUNES</t>
  </si>
  <si>
    <t>723148-99999-2001.gz</t>
  </si>
  <si>
    <t>GLADWIN 03</t>
  </si>
  <si>
    <t>DIXIE</t>
  </si>
  <si>
    <t>P.COMEAU</t>
  </si>
  <si>
    <t xml:space="preserve">MAIDU                    </t>
  </si>
  <si>
    <t xml:space="preserve">LYONS VALLEY #1          </t>
  </si>
  <si>
    <t>722904-99999-2000.gz</t>
  </si>
  <si>
    <t>BAKKEN</t>
  </si>
  <si>
    <t>C-256</t>
  </si>
  <si>
    <t>722390-03931-2015.gz</t>
  </si>
  <si>
    <t>GLADDEN</t>
  </si>
  <si>
    <t>YOUNGSVILLE</t>
  </si>
  <si>
    <t>ANTELOPE CREEK</t>
  </si>
  <si>
    <t>722188-53985-2015.gz</t>
  </si>
  <si>
    <t>998219-99999-2014.gz</t>
  </si>
  <si>
    <t>COON BRANCH</t>
  </si>
  <si>
    <t>A06800</t>
  </si>
  <si>
    <t>A06800-00120-2015.gz</t>
  </si>
  <si>
    <t xml:space="preserve">RIVERSIDE                </t>
  </si>
  <si>
    <t>BRININSPOOL</t>
  </si>
  <si>
    <t>722687-93033-2012.gz</t>
  </si>
  <si>
    <t>722284-99999-2004.gz</t>
  </si>
  <si>
    <t>DEEPSLEEP1</t>
  </si>
  <si>
    <t>725945-24283-2003.gz</t>
  </si>
  <si>
    <t>726387-14850-1996.gz</t>
  </si>
  <si>
    <t>726196-14610-1995.gz</t>
  </si>
  <si>
    <t>723895-99999-2003.gz</t>
  </si>
  <si>
    <t>FY2002-FLOYD-051</t>
  </si>
  <si>
    <t>SICARD</t>
  </si>
  <si>
    <t>724837-93216-2009.gz</t>
  </si>
  <si>
    <t>GET RESL FIRE</t>
  </si>
  <si>
    <t>723098-99999-2004.gz</t>
  </si>
  <si>
    <t>725130-14777-2006.gz</t>
  </si>
  <si>
    <t>746943-13786-2007.gz</t>
  </si>
  <si>
    <t>HESTER BRITE RANCH</t>
  </si>
  <si>
    <t>722640-93035-2012.gz</t>
  </si>
  <si>
    <t xml:space="preserve">FRAINT CANAL             </t>
  </si>
  <si>
    <t>724666-93067-2008.gz</t>
  </si>
  <si>
    <t>723105-93833-1997.gz</t>
  </si>
  <si>
    <t>BROKEN BOW</t>
  </si>
  <si>
    <t>726083-99999-1994.gz</t>
  </si>
  <si>
    <t>TAMARACK NORTH WFU</t>
  </si>
  <si>
    <t>725864-94182-2006.gz</t>
  </si>
  <si>
    <t>723140-13881-2008.gz</t>
  </si>
  <si>
    <t>085 ST. PAUL</t>
  </si>
  <si>
    <t>TWO OLD MEN</t>
  </si>
  <si>
    <t>NWR-20150731-001</t>
  </si>
  <si>
    <t>CONSOLIDATED</t>
  </si>
  <si>
    <t>723629-53998-2009.gz</t>
  </si>
  <si>
    <t>ALLEN STREET</t>
  </si>
  <si>
    <t>25-FLASH FIRE-0047</t>
  </si>
  <si>
    <t>BROKEN SNOWSHOE</t>
  </si>
  <si>
    <t>116 days 00:00:00.000000000</t>
  </si>
  <si>
    <t>702310-26510-2009.gz</t>
  </si>
  <si>
    <t>KINGS</t>
  </si>
  <si>
    <t>722720-93026-2014.gz</t>
  </si>
  <si>
    <t>LAINO FIRE</t>
  </si>
  <si>
    <t>723013-13748-2002.gz</t>
  </si>
  <si>
    <t>SW ADDISON (14)</t>
  </si>
  <si>
    <t>722034-12812-2013.gz</t>
  </si>
  <si>
    <t>FY2014-APPLING-024</t>
  </si>
  <si>
    <t>BEE #1</t>
  </si>
  <si>
    <t>LIVINGSTON - 596</t>
  </si>
  <si>
    <t>723629-53998-2011.gz</t>
  </si>
  <si>
    <t>PINE TOP FIRE</t>
  </si>
  <si>
    <t>722073-03727-2014.gz</t>
  </si>
  <si>
    <t>725621-94063-2008.gz</t>
  </si>
  <si>
    <t>DEZMON LOVE</t>
  </si>
  <si>
    <t>722484-53905-2013.gz</t>
  </si>
  <si>
    <t xml:space="preserve">LOCAL 13071              </t>
  </si>
  <si>
    <t>722123-12809-2006.gz</t>
  </si>
  <si>
    <t>PRAIRIE HILL FIRE</t>
  </si>
  <si>
    <t>722230-13894-1998.gz</t>
  </si>
  <si>
    <t>NORTH FRITCHIE MARSH</t>
  </si>
  <si>
    <t>CLINIC</t>
  </si>
  <si>
    <t>COLEMAN FISH HATCHERY R 2</t>
  </si>
  <si>
    <t>CUT GAP RO</t>
  </si>
  <si>
    <t xml:space="preserve">SEVENTY-SIX              </t>
  </si>
  <si>
    <t>724828-99999-2001.gz</t>
  </si>
  <si>
    <t>747950-12867-1997.gz</t>
  </si>
  <si>
    <t>13000 ECR 24</t>
  </si>
  <si>
    <t>720271-03044-2011.gz</t>
  </si>
  <si>
    <t>716 C. R. 116 FIRE</t>
  </si>
  <si>
    <t>722517-12932-2014.gz</t>
  </si>
  <si>
    <t>15TH WAY (21)</t>
  </si>
  <si>
    <t>702650-99999-1996.gz</t>
  </si>
  <si>
    <t>723083-99999-2001.gz</t>
  </si>
  <si>
    <t>FY2000-EVANS-047</t>
  </si>
  <si>
    <t>POITRA</t>
  </si>
  <si>
    <t>727677-94041-2006.gz</t>
  </si>
  <si>
    <t>727555-99999-2000.gz</t>
  </si>
  <si>
    <t>FM 39 AT FM 1696</t>
  </si>
  <si>
    <t>ALPHA</t>
  </si>
  <si>
    <t>723628-93942-2008.gz</t>
  </si>
  <si>
    <t>LOST CREEK ROAD</t>
  </si>
  <si>
    <t>PETE LOOP</t>
  </si>
  <si>
    <t>LANCASTER HILL</t>
  </si>
  <si>
    <t xml:space="preserve">PINE FLAT                </t>
  </si>
  <si>
    <t>723890-93193-1992.gz</t>
  </si>
  <si>
    <t>AGRICOLA</t>
  </si>
  <si>
    <t>WOODY GRADE</t>
  </si>
  <si>
    <t>727857-94129-2014.gz</t>
  </si>
  <si>
    <t>ELKINS PIT</t>
  </si>
  <si>
    <t>UTAH ROAD</t>
  </si>
  <si>
    <t>724680-94015-2005.gz</t>
  </si>
  <si>
    <t>725146-54773-2009.gz</t>
  </si>
  <si>
    <t>GLOW</t>
  </si>
  <si>
    <t>NYLANDER</t>
  </si>
  <si>
    <t>726710-24164-2007.gz</t>
  </si>
  <si>
    <t>OTTO</t>
  </si>
  <si>
    <t>HWY 116  N GUERNEVILLE</t>
  </si>
  <si>
    <t>OAK TREE DR</t>
  </si>
  <si>
    <t>LEONA</t>
  </si>
  <si>
    <t>723816-03159-1994.gz</t>
  </si>
  <si>
    <t>MS0    0909-4300411002</t>
  </si>
  <si>
    <t>747688-53858-2009.gz</t>
  </si>
  <si>
    <t>372MM</t>
  </si>
  <si>
    <t>JACKSON LN FIRE</t>
  </si>
  <si>
    <t>727437-94893-2014.gz</t>
  </si>
  <si>
    <t>WILLIAMS DITCH ROAD (17)</t>
  </si>
  <si>
    <t>722220-99999-2011.gz</t>
  </si>
  <si>
    <t>724620-23061-2005.gz</t>
  </si>
  <si>
    <t>REV.FRANK RD.</t>
  </si>
  <si>
    <t xml:space="preserve">JAMES                    </t>
  </si>
  <si>
    <t>724837-93216-1995.gz</t>
  </si>
  <si>
    <t>723429-53920-2013.gz</t>
  </si>
  <si>
    <t>WHIRLWIND</t>
  </si>
  <si>
    <t>723145-03810-1991.gz</t>
  </si>
  <si>
    <t>CR212 GRASS FIRE</t>
  </si>
  <si>
    <t>UALIK LK/7</t>
  </si>
  <si>
    <t>725434-54789-2007.gz</t>
  </si>
  <si>
    <t>CLARA LN AND WILL SMITH RD</t>
  </si>
  <si>
    <t>726155-99999-1996.gz</t>
  </si>
  <si>
    <t>725474-04915-2014.gz</t>
  </si>
  <si>
    <t>230TH ST. AND E AVE. , IA</t>
  </si>
  <si>
    <t>725292-14976-2011.gz</t>
  </si>
  <si>
    <t>ENGLAND 242</t>
  </si>
  <si>
    <t>RUTHLESS</t>
  </si>
  <si>
    <t>BUGGY FIRE</t>
  </si>
  <si>
    <t>724462-03073-2010.gz</t>
  </si>
  <si>
    <t>727458-99999-1999.gz</t>
  </si>
  <si>
    <t>WP RUNWAY</t>
  </si>
  <si>
    <t>727686-99999-2000.gz</t>
  </si>
  <si>
    <t>RAINBOW CREEK</t>
  </si>
  <si>
    <t>41 days 00:00:00.000000000</t>
  </si>
  <si>
    <t>GOLDEN GULCH #1</t>
  </si>
  <si>
    <t xml:space="preserve">MERIDIAN 2               </t>
  </si>
  <si>
    <t>COLLINS</t>
  </si>
  <si>
    <t>FY2000-BURKE-068</t>
  </si>
  <si>
    <t>MS0    1111-3310611003</t>
  </si>
  <si>
    <t>NEW CREEK</t>
  </si>
  <si>
    <t>724170-13729-1999.gz</t>
  </si>
  <si>
    <t>Z</t>
  </si>
  <si>
    <t>725976-99999-1999.gz</t>
  </si>
  <si>
    <t>UNION MILLS</t>
  </si>
  <si>
    <t>726881-99999-2003.gz</t>
  </si>
  <si>
    <t>THREESIXFOUR</t>
  </si>
  <si>
    <t>723756-00375-2011.gz</t>
  </si>
  <si>
    <t>726410-14837-1992.gz</t>
  </si>
  <si>
    <t>MERRIMAK</t>
  </si>
  <si>
    <t>723564-53908-2010.gz</t>
  </si>
  <si>
    <t>747915-93718-1996.gz</t>
  </si>
  <si>
    <t>CHARCOAL 34</t>
  </si>
  <si>
    <t>FY2015-FANNIN-006</t>
  </si>
  <si>
    <t>722188-53985-2013.gz</t>
  </si>
  <si>
    <t>POLAR FIRE</t>
  </si>
  <si>
    <t>SQUARE LANE</t>
  </si>
  <si>
    <t>723035-93740-2011.gz</t>
  </si>
  <si>
    <t>723273-99999-1997.gz</t>
  </si>
  <si>
    <t>BIG ORCHARD</t>
  </si>
  <si>
    <t>SYCAMORE RIDGE FIRE</t>
  </si>
  <si>
    <t>HI JEAN</t>
  </si>
  <si>
    <t>COW2</t>
  </si>
  <si>
    <t>724056-99999-1995.gz</t>
  </si>
  <si>
    <t>CAPE FEAR MIDDLE</t>
  </si>
  <si>
    <t>720612-00203-2011.gz</t>
  </si>
  <si>
    <t>ROBY MARTIN</t>
  </si>
  <si>
    <t>723148-63859-2007.gz</t>
  </si>
  <si>
    <t>INDIAN GRA</t>
  </si>
  <si>
    <t>61 days 00:00:00.000000000</t>
  </si>
  <si>
    <t>723084-93775-2006.gz</t>
  </si>
  <si>
    <t>722003-54930-2015.gz</t>
  </si>
  <si>
    <t>725128-54739-2006.gz</t>
  </si>
  <si>
    <t xml:space="preserve">IRIS                     </t>
  </si>
  <si>
    <t>J.W. ROAD</t>
  </si>
  <si>
    <t>725456-99999-1999.gz</t>
  </si>
  <si>
    <t>15 - DUSTY CLAW FIRE - 0166</t>
  </si>
  <si>
    <t>722224-53862-2010.gz</t>
  </si>
  <si>
    <t>FY2011-WILCOX-094</t>
  </si>
  <si>
    <t xml:space="preserve">ALVERDA                  </t>
  </si>
  <si>
    <t>FY2015-PUTNAM-004</t>
  </si>
  <si>
    <t>720348-63886-2015.gz</t>
  </si>
  <si>
    <t>HENDERSON - 029</t>
  </si>
  <si>
    <t>MS0    1010-4460308006</t>
  </si>
  <si>
    <t>MP 27</t>
  </si>
  <si>
    <t>FY2001-WILCOX-027</t>
  </si>
  <si>
    <t>747760-03818-2007.gz</t>
  </si>
  <si>
    <t>DUMPS</t>
  </si>
  <si>
    <t>726776-24036-2003.gz</t>
  </si>
  <si>
    <t>12-109</t>
  </si>
  <si>
    <t>BETHERA 2</t>
  </si>
  <si>
    <t>DONNELY</t>
  </si>
  <si>
    <t>BRUSH-WOODS FIRE</t>
  </si>
  <si>
    <t>DRIVE BY</t>
  </si>
  <si>
    <t>723627-23081-2008.gz</t>
  </si>
  <si>
    <t>MRS. SINDELAR</t>
  </si>
  <si>
    <t>727120-14607-1999.gz</t>
  </si>
  <si>
    <t>722040-12838-2004.gz</t>
  </si>
  <si>
    <t>BLUE COAT</t>
  </si>
  <si>
    <t>726539-94056-2009.gz</t>
  </si>
  <si>
    <t>POOR DEAL</t>
  </si>
  <si>
    <t>722073-03727-2007.gz</t>
  </si>
  <si>
    <t>722637-93046-2008.gz</t>
  </si>
  <si>
    <t>TUCKEY BRANCH</t>
  </si>
  <si>
    <t>TAYLOR HILLS</t>
  </si>
  <si>
    <t>727755-24112-2006.gz</t>
  </si>
  <si>
    <t>FLORIDA PARK</t>
  </si>
  <si>
    <t>TUTTLE</t>
  </si>
  <si>
    <t>723826-99999-2005.gz</t>
  </si>
  <si>
    <t>CORN STUBBLE</t>
  </si>
  <si>
    <t>726487-94896-2015.gz</t>
  </si>
  <si>
    <t>724973-93203-2013.gz</t>
  </si>
  <si>
    <t>722358-93919-2014.gz</t>
  </si>
  <si>
    <t>FY2012-TAYLOR-025</t>
  </si>
  <si>
    <t>FY2001-MCINTOSH-092</t>
  </si>
  <si>
    <t>LITTLE TREE FIRE</t>
  </si>
  <si>
    <t>FY2001-CARROLL-047</t>
  </si>
  <si>
    <t>724453-03994-2014.gz</t>
  </si>
  <si>
    <t>CO RD 228 10 11 10</t>
  </si>
  <si>
    <t>MS0    0909-1020209020</t>
  </si>
  <si>
    <t>VALLEY 5</t>
  </si>
  <si>
    <t>MP 165</t>
  </si>
  <si>
    <t>726883-04113-2011.gz</t>
  </si>
  <si>
    <t>121094-00805-01082015-1540</t>
  </si>
  <si>
    <t>TH1716</t>
  </si>
  <si>
    <t>SNYDER MES</t>
  </si>
  <si>
    <t>724765-99999-2005.gz</t>
  </si>
  <si>
    <t>MS0    0909-5390123003</t>
  </si>
  <si>
    <t>747807-99999-2004.gz</t>
  </si>
  <si>
    <t>MS0313</t>
  </si>
  <si>
    <t>HUNTER</t>
  </si>
  <si>
    <t>699604-03145-1992.gz</t>
  </si>
  <si>
    <t>722235-13838-2001.gz</t>
  </si>
  <si>
    <t>723265-03847-2000.gz</t>
  </si>
  <si>
    <t xml:space="preserve">STATE 689                </t>
  </si>
  <si>
    <t>722869-99999-1994.gz</t>
  </si>
  <si>
    <t>SANCHEZ</t>
  </si>
  <si>
    <t>FY2002-MURRAY-014</t>
  </si>
  <si>
    <t>746935-03709-2009.gz</t>
  </si>
  <si>
    <t>SOUTH KOOTENAI</t>
  </si>
  <si>
    <t>BROWNING</t>
  </si>
  <si>
    <t>LIGHTNING</t>
  </si>
  <si>
    <t>OWL GAP</t>
  </si>
  <si>
    <t>BLACK BURN</t>
  </si>
  <si>
    <t>747880-12810-2007.gz</t>
  </si>
  <si>
    <t>722890-93136-2006.gz</t>
  </si>
  <si>
    <t>RL100</t>
  </si>
  <si>
    <t>CASCADEN RIDGE</t>
  </si>
  <si>
    <t>145 days 00:00:00.000000000</t>
  </si>
  <si>
    <t>CR 273 FIRE</t>
  </si>
  <si>
    <t>722448-13972-2010.gz</t>
  </si>
  <si>
    <t>FY2011-BROOKS-031</t>
  </si>
  <si>
    <t>726503-99999-2004.gz</t>
  </si>
  <si>
    <t>724509-53939-2015.gz</t>
  </si>
  <si>
    <t>BONDS RD.</t>
  </si>
  <si>
    <t>FY2002-TALBOT-047</t>
  </si>
  <si>
    <t>(SL) POWERLINE (548)</t>
  </si>
  <si>
    <t>747930-99999-2010.gz</t>
  </si>
  <si>
    <t>SWR-20120226-003</t>
  </si>
  <si>
    <t>725867-24133-2006.gz</t>
  </si>
  <si>
    <t>LIVINGSTON - 230</t>
  </si>
  <si>
    <t>SANDY</t>
  </si>
  <si>
    <t>FORGOT THE WATER</t>
  </si>
  <si>
    <t>723147-53870-2011.gz</t>
  </si>
  <si>
    <t>WATERPLANT</t>
  </si>
  <si>
    <t>WEIGHT SCL</t>
  </si>
  <si>
    <t>ONE</t>
  </si>
  <si>
    <t>725895-94236-1992.gz</t>
  </si>
  <si>
    <t xml:space="preserve">F# 12277 - ST OF CA #110 </t>
  </si>
  <si>
    <t>1579 305TH</t>
  </si>
  <si>
    <t>725461-94988-2015.gz</t>
  </si>
  <si>
    <t>726084-99999-1994.gz</t>
  </si>
  <si>
    <t>MALAGA</t>
  </si>
  <si>
    <t>722687-93033-2011.gz</t>
  </si>
  <si>
    <t>FULTZ</t>
  </si>
  <si>
    <t>HUTCHISON FIRE</t>
  </si>
  <si>
    <t>911780-99999-2005.gz</t>
  </si>
  <si>
    <t>724457-03938-1999.gz</t>
  </si>
  <si>
    <t>HARLEY</t>
  </si>
  <si>
    <t>722693-99999-1995.gz</t>
  </si>
  <si>
    <t>722057-12854-2006.gz</t>
  </si>
  <si>
    <t>722265-13821-2004.gz</t>
  </si>
  <si>
    <t>LIVINGSTON - 74</t>
  </si>
  <si>
    <t>722447-53903-2009.gz</t>
  </si>
  <si>
    <t>MURPHYS LA</t>
  </si>
  <si>
    <t>724795-99999-1992.gz</t>
  </si>
  <si>
    <t>747750-13846-1992.gz</t>
  </si>
  <si>
    <t>723307-53893-2014.gz</t>
  </si>
  <si>
    <t>725473-94979-2011.gz</t>
  </si>
  <si>
    <t>PIUTE I             #100</t>
  </si>
  <si>
    <t>724026-99999-2002.gz</t>
  </si>
  <si>
    <t>726539-94056-2011.gz</t>
  </si>
  <si>
    <t>723894-03181-2012.gz</t>
  </si>
  <si>
    <t>CHINEY FIRE</t>
  </si>
  <si>
    <t>723035-93740-2010.gz</t>
  </si>
  <si>
    <t>SANTA RITA</t>
  </si>
  <si>
    <t>722897-93206-2012.gz</t>
  </si>
  <si>
    <t>GLEN LIGHTSEY</t>
  </si>
  <si>
    <t>GUERRA-GARZA</t>
  </si>
  <si>
    <t>747812-99999-2004.gz</t>
  </si>
  <si>
    <t>722216-99999-2008.gz</t>
  </si>
  <si>
    <t>MESA</t>
  </si>
  <si>
    <t>722034-99999-2003.gz</t>
  </si>
  <si>
    <t>CR 403</t>
  </si>
  <si>
    <t>720639-00225-2010.gz</t>
  </si>
  <si>
    <t>722034-99999-2002.gz</t>
  </si>
  <si>
    <t>STOLEN SAFE</t>
  </si>
  <si>
    <t>BILLS HOLLOW</t>
  </si>
  <si>
    <t>FY2013-WARREN-006</t>
  </si>
  <si>
    <t>727457-94962-2015.gz</t>
  </si>
  <si>
    <t>726626-99999-1992.gz</t>
  </si>
  <si>
    <t>726503-54833-2007.gz</t>
  </si>
  <si>
    <t>FY2012-MURRAY-008</t>
  </si>
  <si>
    <t>722154-53885-2011.gz</t>
  </si>
  <si>
    <t>LAT B CANAL RD</t>
  </si>
  <si>
    <t>FY2015-CLINCH-034</t>
  </si>
  <si>
    <t>726810-24131-1996.gz</t>
  </si>
  <si>
    <t xml:space="preserve">WOODWARD#2               </t>
  </si>
  <si>
    <t>DUG OUT CR</t>
  </si>
  <si>
    <t>726654-99999-2001.gz</t>
  </si>
  <si>
    <t>BIG CROOKE</t>
  </si>
  <si>
    <t>GULCH</t>
  </si>
  <si>
    <t>727514-54910-2012.gz</t>
  </si>
  <si>
    <t>FOUR BEAR</t>
  </si>
  <si>
    <t>HALL/FRENCH</t>
  </si>
  <si>
    <t>727550-14958-2007.gz</t>
  </si>
  <si>
    <t>725461-94988-2009.gz</t>
  </si>
  <si>
    <t>726487-99999-2002.gz</t>
  </si>
  <si>
    <t>LITTLEHORN</t>
  </si>
  <si>
    <t>LITTLE MINE FORK</t>
  </si>
  <si>
    <t>727555-99999-1995.gz</t>
  </si>
  <si>
    <t>726163-54770-2010.gz</t>
  </si>
  <si>
    <t>720391-00127-2012.gz</t>
  </si>
  <si>
    <t>745966-99999-2002.gz</t>
  </si>
  <si>
    <t>SANDY FIRE</t>
  </si>
  <si>
    <t>720592-00186-2010.gz</t>
  </si>
  <si>
    <t>723526-99999-2005.gz</t>
  </si>
  <si>
    <t xml:space="preserve">WASHINGTON               </t>
  </si>
  <si>
    <t>TOAVS</t>
  </si>
  <si>
    <t>727686-99999-1998.gz</t>
  </si>
  <si>
    <t>726550-14926-2002.gz</t>
  </si>
  <si>
    <t>SUNKIT</t>
  </si>
  <si>
    <t>724094-99999-1996.gz</t>
  </si>
  <si>
    <t>GRASSY BRA</t>
  </si>
  <si>
    <t>BLACK MTN DRAW FIRE</t>
  </si>
  <si>
    <t>725700-24046-2006.gz</t>
  </si>
  <si>
    <t>CHOPSTICK</t>
  </si>
  <si>
    <t>COMMERCIAL</t>
  </si>
  <si>
    <t>722688-93034-1998.gz</t>
  </si>
  <si>
    <t>RAIN MINE</t>
  </si>
  <si>
    <t>725825-24121-2011.gz</t>
  </si>
  <si>
    <t>720633-00219-2013.gz</t>
  </si>
  <si>
    <t>EOG RESOURCES</t>
  </si>
  <si>
    <t>FM 687#1</t>
  </si>
  <si>
    <t>723084-99999-1999.gz</t>
  </si>
  <si>
    <t>FY2002-CHARLTON-035</t>
  </si>
  <si>
    <t>994380-99999-2002.gz</t>
  </si>
  <si>
    <t>723565-99999-2002.gz</t>
  </si>
  <si>
    <t>NORTH BRANCH - 37</t>
  </si>
  <si>
    <t>MS0    0808-2400229003</t>
  </si>
  <si>
    <t>723400-99999-2005.gz</t>
  </si>
  <si>
    <t xml:space="preserve">MANURE FIRE </t>
  </si>
  <si>
    <t xml:space="preserve">INDIANA FIRE             </t>
  </si>
  <si>
    <t>744994-99999-2002.gz</t>
  </si>
  <si>
    <t>PASTURE</t>
  </si>
  <si>
    <t>CIRCLE</t>
  </si>
  <si>
    <t>FY2015-LUMPKIN-012</t>
  </si>
  <si>
    <t>723417-93988-2008.gz</t>
  </si>
  <si>
    <t>BOXER FIRE</t>
  </si>
  <si>
    <t>1301 PECAN ST</t>
  </si>
  <si>
    <t>PURSLEY</t>
  </si>
  <si>
    <t>CHINATI</t>
  </si>
  <si>
    <t>727937-99999-1998.gz</t>
  </si>
  <si>
    <t>POOL CREEK</t>
  </si>
  <si>
    <t>MOUNTAIN VIEW RD / HWY 29</t>
  </si>
  <si>
    <t>725958-94299-2008.gz</t>
  </si>
  <si>
    <t>HAPPY</t>
  </si>
  <si>
    <t>CHRISTIAN RIDGE</t>
  </si>
  <si>
    <t>724950-23254-2011.gz</t>
  </si>
  <si>
    <t>LIVINGSTON - 508</t>
  </si>
  <si>
    <t>FY2011-EVANS-047</t>
  </si>
  <si>
    <t>994260-99999-2008.gz</t>
  </si>
  <si>
    <t>722276-99999-2002.gz</t>
  </si>
  <si>
    <t>722040-99999-2000.gz</t>
  </si>
  <si>
    <t>HALL</t>
  </si>
  <si>
    <t>723079-93796-2011.gz</t>
  </si>
  <si>
    <t>SINGER 2</t>
  </si>
  <si>
    <t xml:space="preserve">6489 MOUNTAIN VIEW </t>
  </si>
  <si>
    <t xml:space="preserve">PUREWAL                  </t>
  </si>
  <si>
    <t xml:space="preserve">MILLER                   </t>
  </si>
  <si>
    <t>CALAVERAS_COUNTY</t>
  </si>
  <si>
    <t>725847-93230-2009.gz</t>
  </si>
  <si>
    <t>724237-99999-2000.gz</t>
  </si>
  <si>
    <t>722688-93034-2005.gz</t>
  </si>
  <si>
    <t>722447-99999-2004.gz</t>
  </si>
  <si>
    <t>FY2011-POLK-065</t>
  </si>
  <si>
    <t>722132-99999-2005.gz</t>
  </si>
  <si>
    <t>ACR 1229</t>
  </si>
  <si>
    <t>720314-93983-2013.gz</t>
  </si>
  <si>
    <t>722178-53953-2014.gz</t>
  </si>
  <si>
    <t>HIDDEN VALLEY RD</t>
  </si>
  <si>
    <t>724110-13741-1999.gz</t>
  </si>
  <si>
    <t>720605-00197-2015.gz</t>
  </si>
  <si>
    <t>FY2012-JENKINS-009</t>
  </si>
  <si>
    <t>726548-04971-2012.gz</t>
  </si>
  <si>
    <t>725130-14777-2008.gz</t>
  </si>
  <si>
    <t>MOORELAND TRAIL</t>
  </si>
  <si>
    <t>725970-24225-2007.gz</t>
  </si>
  <si>
    <t>POOPENAUT</t>
  </si>
  <si>
    <t>726170-14742-2013.gz</t>
  </si>
  <si>
    <t>722176-53884-2007.gz</t>
  </si>
  <si>
    <t>724115-99999-2001.gz</t>
  </si>
  <si>
    <t>ROCK HILL</t>
  </si>
  <si>
    <t>746939-93785-2012.gz</t>
  </si>
  <si>
    <t>COVE</t>
  </si>
  <si>
    <t>OILPUMPFIR</t>
  </si>
  <si>
    <t>FM2867</t>
  </si>
  <si>
    <t>WRIGHT #1</t>
  </si>
  <si>
    <t>723635-03024-2008.gz</t>
  </si>
  <si>
    <t>725416-14864-2009.gz</t>
  </si>
  <si>
    <t>FY2011-WILKINSON-060</t>
  </si>
  <si>
    <t>FOREST ACRES</t>
  </si>
  <si>
    <t>724243-03849-1994.gz</t>
  </si>
  <si>
    <t>726487-94896-2007.gz</t>
  </si>
  <si>
    <t xml:space="preserve">SHIMMINS                 </t>
  </si>
  <si>
    <t>727925-94227-2007.gz</t>
  </si>
  <si>
    <t xml:space="preserve">80 2                     </t>
  </si>
  <si>
    <t>725846-93201-2007.gz</t>
  </si>
  <si>
    <t>720376-63880-2009.gz</t>
  </si>
  <si>
    <t>723403-13963-1998.gz</t>
  </si>
  <si>
    <t>FFS 206/159</t>
  </si>
  <si>
    <t>722029-12888-2012.gz</t>
  </si>
  <si>
    <t>722189-92815-2009.gz</t>
  </si>
  <si>
    <t>724090-14780-2003.gz</t>
  </si>
  <si>
    <t>724458-03963-2014.gz</t>
  </si>
  <si>
    <t>8 MILE #1</t>
  </si>
  <si>
    <t>ABERDEEN</t>
  </si>
  <si>
    <t>LATE NITE (36)</t>
  </si>
  <si>
    <t>EAGLE</t>
  </si>
  <si>
    <t>HENRY FIRE</t>
  </si>
  <si>
    <t>THE CHESTNUTS</t>
  </si>
  <si>
    <t>HUDSON EAST</t>
  </si>
  <si>
    <t>724517-13940-2008.gz</t>
  </si>
  <si>
    <t>TRVFD2010-14</t>
  </si>
  <si>
    <t>720391-00127-2010.gz</t>
  </si>
  <si>
    <t>FY2013-DECATUR-017</t>
  </si>
  <si>
    <t>720268-53882-2013.gz</t>
  </si>
  <si>
    <t>723126-99999-2015.gz</t>
  </si>
  <si>
    <t xml:space="preserve">GATE                     </t>
  </si>
  <si>
    <t>BO BO BRANCH</t>
  </si>
  <si>
    <t>JOHNSON RUN ROAD</t>
  </si>
  <si>
    <t>EMERALD DR</t>
  </si>
  <si>
    <t>COUNTRY ROADS</t>
  </si>
  <si>
    <t>GRAVES</t>
  </si>
  <si>
    <t>106 days 00:00:00.000000000</t>
  </si>
  <si>
    <t>CORK</t>
  </si>
  <si>
    <t>BOADER-LEE FARM RD. FIRE</t>
  </si>
  <si>
    <t>KILGORE</t>
  </si>
  <si>
    <t>723445-93993-2008.gz</t>
  </si>
  <si>
    <t>ROCKY ROAD</t>
  </si>
  <si>
    <t>720375-54844-2013.gz</t>
  </si>
  <si>
    <t>CORLEY</t>
  </si>
  <si>
    <t>723723-23184-2003.gz</t>
  </si>
  <si>
    <t>NOPAL</t>
  </si>
  <si>
    <t>722926-03154-2010.gz</t>
  </si>
  <si>
    <t>723403-13963-2007.gz</t>
  </si>
  <si>
    <t>NORTH CRANE</t>
  </si>
  <si>
    <t>726837-24162-2011.gz</t>
  </si>
  <si>
    <t>MILLER</t>
  </si>
  <si>
    <t>722469-99999-2001.gz</t>
  </si>
  <si>
    <t>STATE  PARK ROAD FIRE</t>
  </si>
  <si>
    <t>TARGET RANGE</t>
  </si>
  <si>
    <t>724007-99999-2004.gz</t>
  </si>
  <si>
    <t>725513-04901-2011.gz</t>
  </si>
  <si>
    <t xml:space="preserve">JUNKYARD                 </t>
  </si>
  <si>
    <t>FY2015-WASHINGTON-001</t>
  </si>
  <si>
    <t>720289-63836-2014.gz</t>
  </si>
  <si>
    <t>722154-99999-2000.gz</t>
  </si>
  <si>
    <t>MS0    1111-1020414003</t>
  </si>
  <si>
    <t>COLFAX</t>
  </si>
  <si>
    <t>724175-03802-2011.gz</t>
  </si>
  <si>
    <t>A07056</t>
  </si>
  <si>
    <t>WALKER BT</t>
  </si>
  <si>
    <t>727640-24011-1994.gz</t>
  </si>
  <si>
    <t>96-10</t>
  </si>
  <si>
    <t>727730-24153-2011.gz</t>
  </si>
  <si>
    <t>LUPINE</t>
  </si>
  <si>
    <t>PELLED CHESTNUT MT.</t>
  </si>
  <si>
    <t>NOHEART</t>
  </si>
  <si>
    <t xml:space="preserve">LOCAL FIRE 13924         </t>
  </si>
  <si>
    <t>TEPEE</t>
  </si>
  <si>
    <t>726764-94163-2008.gz</t>
  </si>
  <si>
    <t>GRAVEL PIT</t>
  </si>
  <si>
    <t>726700-24045-2009.gz</t>
  </si>
  <si>
    <t>723415-99999-1993.gz</t>
  </si>
  <si>
    <t>DOUBLE TIME</t>
  </si>
  <si>
    <t>722215-13884-2002.gz</t>
  </si>
  <si>
    <t>LAUREL CREEK</t>
  </si>
  <si>
    <t>723122-63889-2011.gz</t>
  </si>
  <si>
    <t>94 days 00:00:00.000000000</t>
  </si>
  <si>
    <t>725266-04751-2014.gz</t>
  </si>
  <si>
    <t>5217 SUNBELT</t>
  </si>
  <si>
    <t>722510-12924-2009.gz</t>
  </si>
  <si>
    <t>720607-00199-2011.gz</t>
  </si>
  <si>
    <t>722217-63881-2009.gz</t>
  </si>
  <si>
    <t>WW1106</t>
  </si>
  <si>
    <t>CR 134/135</t>
  </si>
  <si>
    <t>ECR-20120709-001</t>
  </si>
  <si>
    <t xml:space="preserve">BENBOW                   </t>
  </si>
  <si>
    <t>725848-99999-1993.gz</t>
  </si>
  <si>
    <t>DABNEY BOTTOM</t>
  </si>
  <si>
    <t>BLACKNOSE #3</t>
  </si>
  <si>
    <t>725287-04724-2014.gz</t>
  </si>
  <si>
    <t>747806-99999-2003.gz</t>
  </si>
  <si>
    <t>PICKLESIMER FIRE</t>
  </si>
  <si>
    <t>724100-13733-2010.gz</t>
  </si>
  <si>
    <t>PARKWAY ROAD - RAY</t>
  </si>
  <si>
    <t>722300-53864-2007.gz</t>
  </si>
  <si>
    <t xml:space="preserve">DRURY                    </t>
  </si>
  <si>
    <t>727478-99999-1996.gz</t>
  </si>
  <si>
    <t>722064-99999-1998.gz</t>
  </si>
  <si>
    <t>TOOSHORT</t>
  </si>
  <si>
    <t>726685-99999-2002.gz</t>
  </si>
  <si>
    <t>DOUG CENTE</t>
  </si>
  <si>
    <t>725337-04807-2006.gz</t>
  </si>
  <si>
    <t>RED LAKE 359</t>
  </si>
  <si>
    <t>IRVINE FIRE</t>
  </si>
  <si>
    <t>FY2002-HENRY-034</t>
  </si>
  <si>
    <t>WOLFPEN OF ROCKHOUSE</t>
  </si>
  <si>
    <t>BEARRIDGE</t>
  </si>
  <si>
    <t>FY2002-LAMAR-010</t>
  </si>
  <si>
    <t>722357-99999-2002.gz</t>
  </si>
  <si>
    <t>MCCOOK TRAIL</t>
  </si>
  <si>
    <t>BOIS D ARC FIRE</t>
  </si>
  <si>
    <t>DROP ZONE GEORGE</t>
  </si>
  <si>
    <t>720631-00217-2014.gz</t>
  </si>
  <si>
    <t>723273-99999-2004.gz</t>
  </si>
  <si>
    <t>747807-03821-2009.gz</t>
  </si>
  <si>
    <t>LINCOLN</t>
  </si>
  <si>
    <t>BIGGS FLAT</t>
  </si>
  <si>
    <t>722154-53885-2010.gz</t>
  </si>
  <si>
    <t>FOURSEAM #2</t>
  </si>
  <si>
    <t>PAINTED</t>
  </si>
  <si>
    <t>722788-03186-2006.gz</t>
  </si>
  <si>
    <t>FY2013-APPLING-012</t>
  </si>
  <si>
    <t>OTTAWA 01</t>
  </si>
  <si>
    <t>725394-04839-2013.gz</t>
  </si>
  <si>
    <t>BOX CAR</t>
  </si>
  <si>
    <t>70 days 00:00:00.000000000</t>
  </si>
  <si>
    <t>724235-13810-2002.gz</t>
  </si>
  <si>
    <t>NORTH MONA</t>
  </si>
  <si>
    <t>725724-99999-1996.gz</t>
  </si>
  <si>
    <t>724767-99999-1994.gz</t>
  </si>
  <si>
    <t>CIRCLE R GREENS DR  DEE 6</t>
  </si>
  <si>
    <t xml:space="preserve">HIDDEN 2                 </t>
  </si>
  <si>
    <t>723340-13893-2006.gz</t>
  </si>
  <si>
    <t>MS0    1010-2400127001</t>
  </si>
  <si>
    <t>LAKE LYNN</t>
  </si>
  <si>
    <t>BAILEY</t>
  </si>
  <si>
    <t>TRANSFER 2</t>
  </si>
  <si>
    <t>BARRETTA</t>
  </si>
  <si>
    <t>KINGS FERRY  II (45)</t>
  </si>
  <si>
    <t>726945-99999-2005.gz</t>
  </si>
  <si>
    <t xml:space="preserve">VIEJO                    </t>
  </si>
  <si>
    <t>FY2000-SEMINOLE-030</t>
  </si>
  <si>
    <t>NESBITT HOLLOW RD</t>
  </si>
  <si>
    <t>722072-03894-2010.gz</t>
  </si>
  <si>
    <t>745940-13705-2007.gz</t>
  </si>
  <si>
    <t>OTA 27</t>
  </si>
  <si>
    <t xml:space="preserve">WASHINGTON IC 3          </t>
  </si>
  <si>
    <t xml:space="preserve">SALMANDER                </t>
  </si>
  <si>
    <t>79 NORTH</t>
  </si>
  <si>
    <t>722169-03058-2007.gz</t>
  </si>
  <si>
    <t>722486-13942-2009.gz</t>
  </si>
  <si>
    <t>VALLE LARGO</t>
  </si>
  <si>
    <t>723625-93057-2007.gz</t>
  </si>
  <si>
    <t>WASSERGASS ROAD</t>
  </si>
  <si>
    <t>725170-14737-2013.gz</t>
  </si>
  <si>
    <t>FY2001-APPLING-024</t>
  </si>
  <si>
    <t>724070-93730-2010.gz</t>
  </si>
  <si>
    <t>GREER GULCH</t>
  </si>
  <si>
    <t>726797-24132-1998.gz</t>
  </si>
  <si>
    <t>FY2000-BROOKS-118</t>
  </si>
  <si>
    <t>MVA / GRASS FIRE - GEORGE RICHEY RD</t>
  </si>
  <si>
    <t>2009-437</t>
  </si>
  <si>
    <t xml:space="preserve">HIGHWAY 80               </t>
  </si>
  <si>
    <t>747186-99999-2000.gz</t>
  </si>
  <si>
    <t>CHARLANDS</t>
  </si>
  <si>
    <t>722108-99999-2004.gz</t>
  </si>
  <si>
    <t>MS0    1111-3770529005</t>
  </si>
  <si>
    <t>725905-23275-2014.gz</t>
  </si>
  <si>
    <t>FY2011-TAYLOR-067</t>
  </si>
  <si>
    <t>TH2103</t>
  </si>
  <si>
    <t>723340-13893-2002.gz</t>
  </si>
  <si>
    <t>COMOHOUSE</t>
  </si>
  <si>
    <t>LINDEN - 213</t>
  </si>
  <si>
    <t>PALM</t>
  </si>
  <si>
    <t>724118-99999-2000.gz</t>
  </si>
  <si>
    <t>BARTLETT</t>
  </si>
  <si>
    <t>LITTLE HORSE CREEK</t>
  </si>
  <si>
    <t>745985-63806-2008.gz</t>
  </si>
  <si>
    <t>FY2015-UNION-005</t>
  </si>
  <si>
    <t>724019-99999-2002.gz</t>
  </si>
  <si>
    <t>722042-53978-2008.gz</t>
  </si>
  <si>
    <t>720609-00201-2013.gz</t>
  </si>
  <si>
    <t>724125-03859-2009.gz</t>
  </si>
  <si>
    <t>723896-93144-2009.gz</t>
  </si>
  <si>
    <t>CAMP ONE</t>
  </si>
  <si>
    <t>BRANDON</t>
  </si>
  <si>
    <t>726558-04914-2008.gz</t>
  </si>
  <si>
    <t>TOWER CR</t>
  </si>
  <si>
    <t>SNOWCK</t>
  </si>
  <si>
    <t>727684-99999-1997.gz</t>
  </si>
  <si>
    <t>727795-99999-1994.gz</t>
  </si>
  <si>
    <t>725025-94741-2013.gz</t>
  </si>
  <si>
    <t>SAN ANTONIO</t>
  </si>
  <si>
    <t>723200-93801-2010.gz</t>
  </si>
  <si>
    <t>RAPID CREEK</t>
  </si>
  <si>
    <t>726516-24024-2012.gz</t>
  </si>
  <si>
    <t>HWY 17 FIRE</t>
  </si>
  <si>
    <t>720867-00293-2015.gz</t>
  </si>
  <si>
    <t>MILLS SOUTH FIRE</t>
  </si>
  <si>
    <t>722040-12838-2003.gz</t>
  </si>
  <si>
    <t>MS0    0909-3770207004</t>
  </si>
  <si>
    <t>MYERS</t>
  </si>
  <si>
    <t>722748-99999-2005.gz</t>
  </si>
  <si>
    <t>ROLAND CREEK</t>
  </si>
  <si>
    <t xml:space="preserve">KIWI 2                   </t>
  </si>
  <si>
    <t>725920-24257-1993.gz</t>
  </si>
  <si>
    <t>745966-99999-2005.gz</t>
  </si>
  <si>
    <t>MS0    1010-6260918004</t>
  </si>
  <si>
    <t>053 IUA 13</t>
  </si>
  <si>
    <t>722030-12844-1995.gz</t>
  </si>
  <si>
    <t>YUCCA FIRE</t>
  </si>
  <si>
    <t>723439-99999-2001.gz</t>
  </si>
  <si>
    <t>MAYBUD</t>
  </si>
  <si>
    <t>726546-14946-1994.gz</t>
  </si>
  <si>
    <t>722553-53928-2009.gz</t>
  </si>
  <si>
    <t>FY2002-HARRIS-044</t>
  </si>
  <si>
    <t>722255-93842-2001.gz</t>
  </si>
  <si>
    <t>COOLEY</t>
  </si>
  <si>
    <t>723747-99999-2004.gz</t>
  </si>
  <si>
    <t>DUTTON</t>
  </si>
  <si>
    <t>720628-00215-2012.gz</t>
  </si>
  <si>
    <t>724768-24051-2010.gz</t>
  </si>
  <si>
    <t>LAMBERT BRANCH</t>
  </si>
  <si>
    <t>137TH ST (61)</t>
  </si>
  <si>
    <t>CLAM 7</t>
  </si>
  <si>
    <t>725945-24283-2013.gz</t>
  </si>
  <si>
    <t>ORCHARD WF</t>
  </si>
  <si>
    <t>KEYSTONE (49)</t>
  </si>
  <si>
    <t>722011-92813-2013.gz</t>
  </si>
  <si>
    <t>723109-93782-2015.gz</t>
  </si>
  <si>
    <t>WATTS FIRE</t>
  </si>
  <si>
    <t>WILLIAMS MT.</t>
  </si>
  <si>
    <t>CR 7, AL</t>
  </si>
  <si>
    <t>MAPROCK</t>
  </si>
  <si>
    <t>726813-94195-2015.gz</t>
  </si>
  <si>
    <t>KERNSVILLE DAM</t>
  </si>
  <si>
    <t>725103-14712-2012.gz</t>
  </si>
  <si>
    <t>LIVINGSTON - 27</t>
  </si>
  <si>
    <t>724462-99999-2008.gz</t>
  </si>
  <si>
    <t>SCRAGGY</t>
  </si>
  <si>
    <t>WHITCHER</t>
  </si>
  <si>
    <t>BERLIN GAME</t>
  </si>
  <si>
    <t>722485-13944-2008.gz</t>
  </si>
  <si>
    <t>SWEET 70</t>
  </si>
  <si>
    <t>43 days 00:00:00.000000000</t>
  </si>
  <si>
    <t>726817-24154-1999.gz</t>
  </si>
  <si>
    <t>ODD</t>
  </si>
  <si>
    <t>725920-24257-1998.gz</t>
  </si>
  <si>
    <t>FY2011-WHEELER-101</t>
  </si>
  <si>
    <t>JACK CAMPBELL</t>
  </si>
  <si>
    <t>726560-99999-2000.gz</t>
  </si>
  <si>
    <t>FY2001-CHATTOOGA-110</t>
  </si>
  <si>
    <t>F SMITH</t>
  </si>
  <si>
    <t>727686-99999-1997.gz</t>
  </si>
  <si>
    <t>723528-03981-2006.gz</t>
  </si>
  <si>
    <t>FY2012-COFFEE-005</t>
  </si>
  <si>
    <t>PILGRIM</t>
  </si>
  <si>
    <t>722040-99999-2002.gz</t>
  </si>
  <si>
    <t>720344-54920-2014.gz</t>
  </si>
  <si>
    <t xml:space="preserve">OAKS                     </t>
  </si>
  <si>
    <t>REDDIN</t>
  </si>
  <si>
    <t>LINDEN - 6054</t>
  </si>
  <si>
    <t>726225-64776-2008.gz</t>
  </si>
  <si>
    <t>CATALYTIC CONVERTER</t>
  </si>
  <si>
    <t>TAXIWAY</t>
  </si>
  <si>
    <t>726555-99999-2003.gz</t>
  </si>
  <si>
    <t>725235-04720-2009.gz</t>
  </si>
  <si>
    <t>TH1415</t>
  </si>
  <si>
    <t>NE30347</t>
  </si>
  <si>
    <t>722183-99999-2004.gz</t>
  </si>
  <si>
    <t>MT. BARNEY</t>
  </si>
  <si>
    <t>SHEEP CREEK</t>
  </si>
  <si>
    <t>LAST</t>
  </si>
  <si>
    <t>725845-23225-1999.gz</t>
  </si>
  <si>
    <t>WAGON ROAD</t>
  </si>
  <si>
    <t>90 days 00:00:00.000000000</t>
  </si>
  <si>
    <t>1803 HWY 171</t>
  </si>
  <si>
    <t>7WFIRE</t>
  </si>
  <si>
    <t>727684-99999-2000.gz</t>
  </si>
  <si>
    <t>727456-04919-2006.gz</t>
  </si>
  <si>
    <t>COLE BURNING</t>
  </si>
  <si>
    <t>727770-94012-2015.gz</t>
  </si>
  <si>
    <t>NOT OURS</t>
  </si>
  <si>
    <t>720853-00281-2012.gz</t>
  </si>
  <si>
    <t>UP&amp;L - 2</t>
  </si>
  <si>
    <t>725755-24101-1995.gz</t>
  </si>
  <si>
    <t>CAL352739</t>
  </si>
  <si>
    <t>744104-99999-2001.gz</t>
  </si>
  <si>
    <t>FY2001-LONG-079</t>
  </si>
  <si>
    <t>723429-99999-2004.gz</t>
  </si>
  <si>
    <t>A1303032</t>
  </si>
  <si>
    <t>720611-00202-2014.gz</t>
  </si>
  <si>
    <t>NEEDLE RIDGE</t>
  </si>
  <si>
    <t>MS0    1010-6220331003</t>
  </si>
  <si>
    <t>722485-99999-2001.gz</t>
  </si>
  <si>
    <t>MUTAL AID GRASS FIRE</t>
  </si>
  <si>
    <t>FY2011-HOUSTON-021</t>
  </si>
  <si>
    <t>DAVIS CNYN</t>
  </si>
  <si>
    <t>725868-99999-1998.gz</t>
  </si>
  <si>
    <t>FY2002-MADISON-016</t>
  </si>
  <si>
    <t>722156-53873-2009.gz</t>
  </si>
  <si>
    <t>725477-04917-2013.gz</t>
  </si>
  <si>
    <t>725113-54786-2015.gz</t>
  </si>
  <si>
    <t>722687-93033-2007.gz</t>
  </si>
  <si>
    <t>725864-94182-2005.gz</t>
  </si>
  <si>
    <t>RL41</t>
  </si>
  <si>
    <t>MESCAL ARROYO</t>
  </si>
  <si>
    <t>722743-99999-2002.gz</t>
  </si>
  <si>
    <t xml:space="preserve">WHITEMAN                 </t>
  </si>
  <si>
    <t>722030-12844-2004.gz</t>
  </si>
  <si>
    <t>722363-23098-2007.gz</t>
  </si>
  <si>
    <t>BARKER CEMETERY</t>
  </si>
  <si>
    <t>LOVE JOY SCHOOL RD</t>
  </si>
  <si>
    <t>723347-03809-1997.gz</t>
  </si>
  <si>
    <t>722216-99999-2014.gz</t>
  </si>
  <si>
    <t>RACE TRACK AT I-95 FIRE</t>
  </si>
  <si>
    <t>722212-99999-2004.gz</t>
  </si>
  <si>
    <t>NOR-20120314-002</t>
  </si>
  <si>
    <t>722279-53852-2012.gz</t>
  </si>
  <si>
    <t>992470-99999-1994.gz</t>
  </si>
  <si>
    <t>NOR-20120314-001</t>
  </si>
  <si>
    <t>JONESPORT</t>
  </si>
  <si>
    <t>726084-99999-1993.gz</t>
  </si>
  <si>
    <t>MS0    0808-4300301010</t>
  </si>
  <si>
    <t>747688-53858-2008.gz</t>
  </si>
  <si>
    <t xml:space="preserve">GEYSER                   </t>
  </si>
  <si>
    <t>CASSIDY</t>
  </si>
  <si>
    <t>723894-99999-2003.gz</t>
  </si>
  <si>
    <t>723074-03703-2009.gz</t>
  </si>
  <si>
    <t>UPTON ROAD II</t>
  </si>
  <si>
    <t>PINE</t>
  </si>
  <si>
    <t>723840-23155-1996.gz</t>
  </si>
  <si>
    <t>ORCHARD ROAD</t>
  </si>
  <si>
    <t>724555-03936-2014.gz</t>
  </si>
  <si>
    <t xml:space="preserve">I-15 NR11                </t>
  </si>
  <si>
    <t>LAKE MICHEL</t>
  </si>
  <si>
    <t>BORDER  95</t>
  </si>
  <si>
    <t>FY2012-BERRIEN-042</t>
  </si>
  <si>
    <t>720712-00250-2012.gz</t>
  </si>
  <si>
    <t>FM 1690 FIRE</t>
  </si>
  <si>
    <t>720647-00229-2012.gz</t>
  </si>
  <si>
    <t>720305-53964-2012.gz</t>
  </si>
  <si>
    <t>WELLS</t>
  </si>
  <si>
    <t>WOODLAKE FIRE</t>
  </si>
  <si>
    <t>723030-13714-1998.gz</t>
  </si>
  <si>
    <t>726835-24230-2001.gz</t>
  </si>
  <si>
    <t>724017-03707-2012.gz</t>
  </si>
  <si>
    <t xml:space="preserve">HWY 67  / VIGILANTE RD 3 </t>
  </si>
  <si>
    <t xml:space="preserve">CATFISH                  </t>
  </si>
  <si>
    <t>747806-63809-2008.gz</t>
  </si>
  <si>
    <t xml:space="preserve">DARK2                    </t>
  </si>
  <si>
    <t>4 SKINS</t>
  </si>
  <si>
    <t>PACMAN</t>
  </si>
  <si>
    <t>HARLAND FIRE</t>
  </si>
  <si>
    <t xml:space="preserve">SJVRR # 5                </t>
  </si>
  <si>
    <t>WOOD YARD 07/24/11</t>
  </si>
  <si>
    <t>724053-03717-2015.gz</t>
  </si>
  <si>
    <t>CRUISE FIRE</t>
  </si>
  <si>
    <t>726467-54909-2015.gz</t>
  </si>
  <si>
    <t>KIMBERLY</t>
  </si>
  <si>
    <t>LOCKHART RD</t>
  </si>
  <si>
    <t>ISLAND LAKE</t>
  </si>
  <si>
    <t>726626-99999-1999.gz</t>
  </si>
  <si>
    <t>MS0715</t>
  </si>
  <si>
    <t>722276-99999-2003.gz</t>
  </si>
  <si>
    <t>24337 160TH ST. DIKE, IA, IA</t>
  </si>
  <si>
    <t>722331-54941-2011.gz</t>
  </si>
  <si>
    <t>EMMONS CREEK FIRE</t>
  </si>
  <si>
    <t>720343-54852-2015.gz</t>
  </si>
  <si>
    <t>DUNKIN</t>
  </si>
  <si>
    <t>690150-93121-2001.gz</t>
  </si>
  <si>
    <t>ALLEGHENY CREEK</t>
  </si>
  <si>
    <t>725827-99999-1997.gz</t>
  </si>
  <si>
    <t>FY2013-JEFFERSON-018</t>
  </si>
  <si>
    <t>SWEETWATER</t>
  </si>
  <si>
    <t>720769-00275-2015.gz</t>
  </si>
  <si>
    <t>BRUSH CREEK FALL #2</t>
  </si>
  <si>
    <t>SPRUCE FORK</t>
  </si>
  <si>
    <t>RAY</t>
  </si>
  <si>
    <t>722745-23109-1993.gz</t>
  </si>
  <si>
    <t>TAYLOR FIRE</t>
  </si>
  <si>
    <t>IKE &amp; JOES</t>
  </si>
  <si>
    <t>GAME RANGE</t>
  </si>
  <si>
    <t>BLUE HILLS</t>
  </si>
  <si>
    <t xml:space="preserve">SYLVIA                   </t>
  </si>
  <si>
    <t>GREEN BUNNY</t>
  </si>
  <si>
    <t>FY2002-PEACH-016</t>
  </si>
  <si>
    <t>WF-64-HONEY DEW</t>
  </si>
  <si>
    <t>722361-92808-2011.gz</t>
  </si>
  <si>
    <t>727475-99999-2004.gz</t>
  </si>
  <si>
    <t>722120-12833-1991.gz</t>
  </si>
  <si>
    <t xml:space="preserve">SEVILLE #8               </t>
  </si>
  <si>
    <t>723896-99999-1997.gz</t>
  </si>
  <si>
    <t>BASS</t>
  </si>
  <si>
    <t>FY2002-COOK-087</t>
  </si>
  <si>
    <t>CAMP VIRGIL TATE</t>
  </si>
  <si>
    <t>722092-53941-2014.gz</t>
  </si>
  <si>
    <t>RL 063</t>
  </si>
  <si>
    <t>727486-04983-2014.gz</t>
  </si>
  <si>
    <t>FY2001-CHATTOOGA-003</t>
  </si>
  <si>
    <t>14-18518</t>
  </si>
  <si>
    <t>722470-03901-2014.gz</t>
  </si>
  <si>
    <t xml:space="preserve">JACOBS                   </t>
  </si>
  <si>
    <t>LIVINGSTON - 941</t>
  </si>
  <si>
    <t>SWR-20150210-008</t>
  </si>
  <si>
    <t>WILLIARD ROAD FIRE</t>
  </si>
  <si>
    <t>HARDWOOD LANE FIRE</t>
  </si>
  <si>
    <t>724237-53803-2009.gz</t>
  </si>
  <si>
    <t>WORKMAN</t>
  </si>
  <si>
    <t>SKEGG BRANCH</t>
  </si>
  <si>
    <t>726549-99999-1998.gz</t>
  </si>
  <si>
    <t>722926-03154-2014.gz</t>
  </si>
  <si>
    <t>725204-04813-2015.gz</t>
  </si>
  <si>
    <t>720308-04992-2008.gz</t>
  </si>
  <si>
    <t>ROWAN</t>
  </si>
  <si>
    <t>STATE FROG POND</t>
  </si>
  <si>
    <t>MS0    1010-4660308005</t>
  </si>
  <si>
    <t>723656-23049-2004.gz</t>
  </si>
  <si>
    <t>RICH FORK</t>
  </si>
  <si>
    <t>727504-94999-2009.gz</t>
  </si>
  <si>
    <t xml:space="preserve">SOULSBYVILLE             </t>
  </si>
  <si>
    <t>ELK</t>
  </si>
  <si>
    <t>TOMMY BOMAR</t>
  </si>
  <si>
    <t>720395-00130-2015.gz</t>
  </si>
  <si>
    <t>725895-94236-1997.gz</t>
  </si>
  <si>
    <t>BEAR DRY RIDGE</t>
  </si>
  <si>
    <t>CON11918292</t>
  </si>
  <si>
    <t>SNOOPY</t>
  </si>
  <si>
    <t>722166-93845-2008.gz</t>
  </si>
  <si>
    <t>PRICE FIRE</t>
  </si>
  <si>
    <t>BLUE BERRY ROAD FIRE</t>
  </si>
  <si>
    <t>746925-03741-2011.gz</t>
  </si>
  <si>
    <t>722216-99999-2012.gz</t>
  </si>
  <si>
    <t>DICKENSON FIRE</t>
  </si>
  <si>
    <t>723444-99999-1999.gz</t>
  </si>
  <si>
    <t xml:space="preserve">MAJESTIC                 </t>
  </si>
  <si>
    <t>STANGELAND</t>
  </si>
  <si>
    <t>722710-93045-1993.gz</t>
  </si>
  <si>
    <t>ACR 2150</t>
  </si>
  <si>
    <t>SHIRT TAIL</t>
  </si>
  <si>
    <t>722261-99999-2008.gz</t>
  </si>
  <si>
    <t>EAST 489</t>
  </si>
  <si>
    <t>720779-00461-2015.gz</t>
  </si>
  <si>
    <t>725165-99999-2003.gz</t>
  </si>
  <si>
    <t>LADY SLIPPER(54)</t>
  </si>
  <si>
    <t>749048-00415-2012.gz</t>
  </si>
  <si>
    <t>FREEZE OUT PASS</t>
  </si>
  <si>
    <t>726817-24154-2013.gz</t>
  </si>
  <si>
    <t>PONY</t>
  </si>
  <si>
    <t>724294-99999-2003.gz</t>
  </si>
  <si>
    <t xml:space="preserve">ROADSIDE #108            </t>
  </si>
  <si>
    <t>PRESQUE ISLE 07</t>
  </si>
  <si>
    <t>727417-54825-2012.gz</t>
  </si>
  <si>
    <t>SIMS</t>
  </si>
  <si>
    <t>725970-24225-2009.gz</t>
  </si>
  <si>
    <t>SUMMERTIME TRAIL</t>
  </si>
  <si>
    <t>727573-94928-2014.gz</t>
  </si>
  <si>
    <t>723495-13987-1995.gz</t>
  </si>
  <si>
    <t>747240-23168-1996.gz</t>
  </si>
  <si>
    <t>GASOLINE GRASS</t>
  </si>
  <si>
    <t>723409-99999-2001.gz</t>
  </si>
  <si>
    <t>723441-54921-2015.gz</t>
  </si>
  <si>
    <t>UNNAMED FIRE 1945</t>
  </si>
  <si>
    <t>724810-23203-2007.gz</t>
  </si>
  <si>
    <t>RALPH SAW IT</t>
  </si>
  <si>
    <t>FY2002-FANNIN-015</t>
  </si>
  <si>
    <t>INDIAN CR.</t>
  </si>
  <si>
    <t>HIGBY</t>
  </si>
  <si>
    <t>725710-94025-2006.gz</t>
  </si>
  <si>
    <t>HALF BEAR</t>
  </si>
  <si>
    <t>723747-99999-1993.gz</t>
  </si>
  <si>
    <t>WILDCAT 4</t>
  </si>
  <si>
    <t>FY2015-TALBOT-011</t>
  </si>
  <si>
    <t>A N S</t>
  </si>
  <si>
    <t>722506-12959-1996.gz</t>
  </si>
  <si>
    <t>FY2002-GWINNETT-018</t>
  </si>
  <si>
    <t>722185-99999-2001.gz</t>
  </si>
  <si>
    <t>CORN</t>
  </si>
  <si>
    <t>726560-99999-1995.gz</t>
  </si>
  <si>
    <t>725105-14770-2006.gz</t>
  </si>
  <si>
    <t>CANAL</t>
  </si>
  <si>
    <t>HUNTER CN.</t>
  </si>
  <si>
    <t>722130-13861-2008.gz</t>
  </si>
  <si>
    <t>TWO DOGS</t>
  </si>
  <si>
    <t>720968-00340-2013.gz</t>
  </si>
  <si>
    <t>TWO STORY</t>
  </si>
  <si>
    <t>MAURICIO</t>
  </si>
  <si>
    <t>723087-99999-2000.gz</t>
  </si>
  <si>
    <t>725396-14815-2004.gz</t>
  </si>
  <si>
    <t>LATE AFTERNOON</t>
  </si>
  <si>
    <t>FY2014-TATTNALL-021</t>
  </si>
  <si>
    <t>HACKER CREEK</t>
  </si>
  <si>
    <t>724175-99999-1997.gz</t>
  </si>
  <si>
    <t>M-331RD</t>
  </si>
  <si>
    <t>TURNBOUGH 2</t>
  </si>
  <si>
    <t>722686-23008-1997.gz</t>
  </si>
  <si>
    <t xml:space="preserve">I-5                      </t>
  </si>
  <si>
    <t>725775-04111-2011.gz</t>
  </si>
  <si>
    <t>FY2012-CHATTAHOOCHEE-006</t>
  </si>
  <si>
    <t>722250-13829-2012.gz</t>
  </si>
  <si>
    <t>R2010-02-65</t>
  </si>
  <si>
    <t>723165-63821-2009.gz</t>
  </si>
  <si>
    <t>SELDOM SEEN</t>
  </si>
  <si>
    <t>726884-24148-1997.gz</t>
  </si>
  <si>
    <t>PROBLEM CHILD</t>
  </si>
  <si>
    <t>726774-99999-1996.gz</t>
  </si>
  <si>
    <t>NORWOOD CEMTARY FIRE</t>
  </si>
  <si>
    <t>POWDER FIRE</t>
  </si>
  <si>
    <t>726980-24229-2000.gz</t>
  </si>
  <si>
    <t>727555-99999-1998.gz</t>
  </si>
  <si>
    <t>GANOTOWN EAST RD.</t>
  </si>
  <si>
    <t>724177-13734-2002.gz</t>
  </si>
  <si>
    <t>2919 CR 130</t>
  </si>
  <si>
    <t>LERCH</t>
  </si>
  <si>
    <t>HILL FIELD</t>
  </si>
  <si>
    <t>727720-24144-1996.gz</t>
  </si>
  <si>
    <t>BOLES HOME</t>
  </si>
  <si>
    <t>BESSIE 526</t>
  </si>
  <si>
    <t>SWEEDEN RD</t>
  </si>
  <si>
    <t>MADDOX 2</t>
  </si>
  <si>
    <t>722688-93034-1993.gz</t>
  </si>
  <si>
    <t>WEST RODDY RD</t>
  </si>
  <si>
    <t>BASSETT 2</t>
  </si>
  <si>
    <t>725958-94299-2012.gz</t>
  </si>
  <si>
    <t>FY2001-EVANS-005</t>
  </si>
  <si>
    <t>722689-23077-2010.gz</t>
  </si>
  <si>
    <t>1325 C.R. 3318</t>
  </si>
  <si>
    <t>LAKEVILLE</t>
  </si>
  <si>
    <t>724190-03889-2012.gz</t>
  </si>
  <si>
    <t xml:space="preserve">MARTINEZ                 </t>
  </si>
  <si>
    <t>724917-23233-2003.gz</t>
  </si>
  <si>
    <t>BOB BRANCH</t>
  </si>
  <si>
    <t>PROSPECT</t>
  </si>
  <si>
    <t>747910-99999-2003.gz</t>
  </si>
  <si>
    <t xml:space="preserve">RANCHITA                 </t>
  </si>
  <si>
    <t>722897-99999-2003.gz</t>
  </si>
  <si>
    <t>FIELD</t>
  </si>
  <si>
    <t>APACHE LODGE</t>
  </si>
  <si>
    <t>ASH CREEK</t>
  </si>
  <si>
    <t>726654-94054-2012.gz</t>
  </si>
  <si>
    <t>911907-99999-2005.gz</t>
  </si>
  <si>
    <t>SPANISH</t>
  </si>
  <si>
    <t>722895-99999-1999.gz</t>
  </si>
  <si>
    <t>SOUTH FORK BONANZA</t>
  </si>
  <si>
    <t>701748-99999-2014.gz</t>
  </si>
  <si>
    <t>TWO</t>
  </si>
  <si>
    <t>911780-22551-2007.gz</t>
  </si>
  <si>
    <t>723528-99999-2005.gz</t>
  </si>
  <si>
    <t>BLM</t>
  </si>
  <si>
    <t>723654-99999-2005.gz</t>
  </si>
  <si>
    <t>722011-92813-2006.gz</t>
  </si>
  <si>
    <t>HOPKINS</t>
  </si>
  <si>
    <t>13-1447</t>
  </si>
  <si>
    <t>MONUMENT</t>
  </si>
  <si>
    <t>722676-99999-2004.gz</t>
  </si>
  <si>
    <t>722115-12871-2007.gz</t>
  </si>
  <si>
    <t>TW2016</t>
  </si>
  <si>
    <t>DELUTH 35</t>
  </si>
  <si>
    <t>722213-99999-1998.gz</t>
  </si>
  <si>
    <t>WALKING</t>
  </si>
  <si>
    <t>727790-24146-2005.gz</t>
  </si>
  <si>
    <t>E TWIN CAR</t>
  </si>
  <si>
    <t>FIRETOWER RD. FIRE #2</t>
  </si>
  <si>
    <t>LOCUST BRANCH</t>
  </si>
  <si>
    <t>723443-99999-2002.gz</t>
  </si>
  <si>
    <t>OLD BASE</t>
  </si>
  <si>
    <t>MT. PALOMAR</t>
  </si>
  <si>
    <t>726625-99999-2002.gz</t>
  </si>
  <si>
    <t>722042-99999-2004.gz</t>
  </si>
  <si>
    <t>727468-04928-2013.gz</t>
  </si>
  <si>
    <t>GRASS/RR NEAR MP 166</t>
  </si>
  <si>
    <t xml:space="preserve">BIA #30                  </t>
  </si>
  <si>
    <t>725900-99999-1995.gz</t>
  </si>
  <si>
    <t>FY2014-SCREVEN-029</t>
  </si>
  <si>
    <t>720301-63846-2014.gz</t>
  </si>
  <si>
    <t>EVANGELISM RD.</t>
  </si>
  <si>
    <t>THIK STIK</t>
  </si>
  <si>
    <t>GRANVILLE COOK</t>
  </si>
  <si>
    <t>725347-14880-2013.gz</t>
  </si>
  <si>
    <t>REE</t>
  </si>
  <si>
    <t>ROGERSONSW</t>
  </si>
  <si>
    <t>725866-99999-1992.gz</t>
  </si>
  <si>
    <t>724053-03717-2009.gz</t>
  </si>
  <si>
    <t>LOG CABIN FIRE</t>
  </si>
  <si>
    <t>OCHO</t>
  </si>
  <si>
    <t>722676-03035-2015.gz</t>
  </si>
  <si>
    <t>124 FIRE</t>
  </si>
  <si>
    <t>723429-53920-2012.gz</t>
  </si>
  <si>
    <t>747810-13857-2009.gz</t>
  </si>
  <si>
    <t>35 days 00:00:00.000000000</t>
  </si>
  <si>
    <t>726170-14742-2014.gz</t>
  </si>
  <si>
    <t>MUDLICK</t>
  </si>
  <si>
    <t>LITTLE CREEK</t>
  </si>
  <si>
    <t>ESCONDIDO</t>
  </si>
  <si>
    <t>723820-23182-2001.gz</t>
  </si>
  <si>
    <t>724040-13721-2006.gz</t>
  </si>
  <si>
    <t>723755-03103-1996.gz</t>
  </si>
  <si>
    <t>723840-23155-2006.gz</t>
  </si>
  <si>
    <t>NEES</t>
  </si>
  <si>
    <t>724815-23257-2011.gz</t>
  </si>
  <si>
    <t>BURGUNDY FIRE</t>
  </si>
  <si>
    <t>TH2414</t>
  </si>
  <si>
    <t>SHINGLE CREEK</t>
  </si>
  <si>
    <t>726810-24131-2006.gz</t>
  </si>
  <si>
    <t>STRYDER WMA</t>
  </si>
  <si>
    <t>720334-93764-2011.gz</t>
  </si>
  <si>
    <t>702915-99999-1996.gz</t>
  </si>
  <si>
    <t>MAESTAS</t>
  </si>
  <si>
    <t>723654-99999-1997.gz</t>
  </si>
  <si>
    <t>SHOOTER</t>
  </si>
  <si>
    <t>FY2016-CRAWFORD-011</t>
  </si>
  <si>
    <t>726558-99999-2002.gz</t>
  </si>
  <si>
    <t xml:space="preserve">CAFKU07079               </t>
  </si>
  <si>
    <t>723890-93193-2002.gz</t>
  </si>
  <si>
    <t>FELLER</t>
  </si>
  <si>
    <t>RANCHO CONEJO</t>
  </si>
  <si>
    <t>7 R</t>
  </si>
  <si>
    <t>BLISS RIDGE</t>
  </si>
  <si>
    <t>723445-93993-2015.gz</t>
  </si>
  <si>
    <t>ROOSTER HILLS</t>
  </si>
  <si>
    <t>726884-24148-2005.gz</t>
  </si>
  <si>
    <t>725146-54773-2007.gz</t>
  </si>
  <si>
    <t>CAMP CREEK</t>
  </si>
  <si>
    <t>726676-99999-1995.gz</t>
  </si>
  <si>
    <t>RL130</t>
  </si>
  <si>
    <t>727486-99999-2004.gz</t>
  </si>
  <si>
    <t>720582-99999-2013.gz</t>
  </si>
  <si>
    <t>DRUNK FIRE</t>
  </si>
  <si>
    <t>MOM</t>
  </si>
  <si>
    <t>724238-53886-2014.gz</t>
  </si>
  <si>
    <t>723104-99999-2001.gz</t>
  </si>
  <si>
    <t>NER-20130228-001</t>
  </si>
  <si>
    <t xml:space="preserve">CRAWFORD 09 HOWES LAKE FIRE                       </t>
  </si>
  <si>
    <t>722093-04878-2011.gz</t>
  </si>
  <si>
    <t>FY2002-LUMPKIN-015</t>
  </si>
  <si>
    <t>722880-23152-2011.gz</t>
  </si>
  <si>
    <t>FLYNN</t>
  </si>
  <si>
    <t>135 FIRE</t>
  </si>
  <si>
    <t>RAND CANYON</t>
  </si>
  <si>
    <t>725636-24017-1997.gz</t>
  </si>
  <si>
    <t>QUIET</t>
  </si>
  <si>
    <t>ROADSIDE (49)</t>
  </si>
  <si>
    <t>998275-99999-2013.gz</t>
  </si>
  <si>
    <t>A1305023</t>
  </si>
  <si>
    <t>TRAIN TRACKS #2</t>
  </si>
  <si>
    <t>CHAPARRAL</t>
  </si>
  <si>
    <t>MCFARLAND</t>
  </si>
  <si>
    <t xml:space="preserve">FOREBAY                  </t>
  </si>
  <si>
    <t>723114-99999-2005.gz</t>
  </si>
  <si>
    <t>722215-13884-1998.gz</t>
  </si>
  <si>
    <t>54/BARGE CANAL FIRE</t>
  </si>
  <si>
    <t>749048-00415-2011.gz</t>
  </si>
  <si>
    <t>FY2000-BRANTLEY-092</t>
  </si>
  <si>
    <t>CHERRY FIRE</t>
  </si>
  <si>
    <t>723079-93796-2010.gz</t>
  </si>
  <si>
    <t>MT.ELAM CHURCH</t>
  </si>
  <si>
    <t xml:space="preserve">PHILBRICK                </t>
  </si>
  <si>
    <t>SHERIDAN AREA RURAL FIRE</t>
  </si>
  <si>
    <t>720601-00193-2009.gz</t>
  </si>
  <si>
    <t>FY2002-BEN HILL-021</t>
  </si>
  <si>
    <t>FY2014-DADE-019</t>
  </si>
  <si>
    <t xml:space="preserve">LABARRANCA               </t>
  </si>
  <si>
    <t>CANAAN ROAD #1</t>
  </si>
  <si>
    <t>727924-24223-1996.gz</t>
  </si>
  <si>
    <t>723119-13886-2012.gz</t>
  </si>
  <si>
    <t>HAY CANYON</t>
  </si>
  <si>
    <t>726682-54914-2009.gz</t>
  </si>
  <si>
    <t>EAST DAGMAR</t>
  </si>
  <si>
    <t>723307-99999-1997.gz</t>
  </si>
  <si>
    <t>SLATE STONE</t>
  </si>
  <si>
    <t>BRUSH FIRE 43710</t>
  </si>
  <si>
    <t>722588-13926-2015.gz</t>
  </si>
  <si>
    <t>BOYD</t>
  </si>
  <si>
    <t>SPRINKLER</t>
  </si>
  <si>
    <t>723148-63859-2014.gz</t>
  </si>
  <si>
    <t>722350-03940-1999.gz</t>
  </si>
  <si>
    <t>GRAYLING CREEK</t>
  </si>
  <si>
    <t>40 days 00:00:00.000000000</t>
  </si>
  <si>
    <t>701940-26413-2007.gz</t>
  </si>
  <si>
    <t>WOODROW</t>
  </si>
  <si>
    <t>724700-99999-1994.gz</t>
  </si>
  <si>
    <t>EAGLE VALLEY RD / EAGLE C</t>
  </si>
  <si>
    <t>720333-53175-2007.gz</t>
  </si>
  <si>
    <t>TOBACCO BARN</t>
  </si>
  <si>
    <t>724106-13728-1999.gz</t>
  </si>
  <si>
    <t>723759-53990-2015.gz</t>
  </si>
  <si>
    <t>CLOD CREEK</t>
  </si>
  <si>
    <t>BLACKLAND RD FIRE</t>
  </si>
  <si>
    <t>BARLEY</t>
  </si>
  <si>
    <t>31/TUCKER GRADE (08)</t>
  </si>
  <si>
    <t>722034-12812-2011.gz</t>
  </si>
  <si>
    <t>METROPOLIS</t>
  </si>
  <si>
    <t>SANCHEZ RD.</t>
  </si>
  <si>
    <t>MS0    0808-3340302003</t>
  </si>
  <si>
    <t>WALKER MTN #2</t>
  </si>
  <si>
    <t>724945-23293-2015.gz</t>
  </si>
  <si>
    <t>723510-13966-2007.gz</t>
  </si>
  <si>
    <t>GARCEAU 2</t>
  </si>
  <si>
    <t xml:space="preserve">HARLAN                   </t>
  </si>
  <si>
    <t>FM 2959</t>
  </si>
  <si>
    <t>720295-53972-2013.gz</t>
  </si>
  <si>
    <t>BAKER &amp;ELM</t>
  </si>
  <si>
    <t>UNIT2ARSON</t>
  </si>
  <si>
    <t>724240-13807-2009.gz</t>
  </si>
  <si>
    <t>JOHN OWEN ROAD PART 2</t>
  </si>
  <si>
    <t>723035-99999-2001.gz</t>
  </si>
  <si>
    <t>722120-12833-2001.gz</t>
  </si>
  <si>
    <t>SOUTH MT. PLEASANT RD, AL</t>
  </si>
  <si>
    <t>722290-03881-2005.gz</t>
  </si>
  <si>
    <t>NOR-20150626-002</t>
  </si>
  <si>
    <t>720413-00138-2015.gz</t>
  </si>
  <si>
    <t>747760-03818-2009.gz</t>
  </si>
  <si>
    <t>724100-13733-2012.gz</t>
  </si>
  <si>
    <t>PUTNAM/AKRON FIRE</t>
  </si>
  <si>
    <t>WILLIAM DAVIS FIRE</t>
  </si>
  <si>
    <t>722270-13864-1997.gz</t>
  </si>
  <si>
    <t>FLOWER</t>
  </si>
  <si>
    <t>WIX CEMETERY</t>
  </si>
  <si>
    <t>720307-63804-2007.gz</t>
  </si>
  <si>
    <t>722539-99999-1999.gz</t>
  </si>
  <si>
    <t>722108-12894-2009.gz</t>
  </si>
  <si>
    <t>KENMARE</t>
  </si>
  <si>
    <t>727675-94011-1997.gz</t>
  </si>
  <si>
    <t>726435-14991-2007.gz</t>
  </si>
  <si>
    <t>FY2012-MITCHELL-037</t>
  </si>
  <si>
    <t>720407-00462-2012.gz</t>
  </si>
  <si>
    <t>FOURTH</t>
  </si>
  <si>
    <t>722897-93206-2007.gz</t>
  </si>
  <si>
    <t>NORTH MARLEY FORD ROAD</t>
  </si>
  <si>
    <t>723165-63821-2011.gz</t>
  </si>
  <si>
    <t>LAKE17</t>
  </si>
  <si>
    <t>HWAY 287 &amp; CO. RD. 2</t>
  </si>
  <si>
    <t>ROBERT'S</t>
  </si>
  <si>
    <t>726626-04864-2009.gz</t>
  </si>
  <si>
    <t>LDS</t>
  </si>
  <si>
    <t>720355-03732-2006.gz</t>
  </si>
  <si>
    <t>720541-53806-2013.gz</t>
  </si>
  <si>
    <t xml:space="preserve">LOCAL 14850              </t>
  </si>
  <si>
    <t>4 MILE BENCH</t>
  </si>
  <si>
    <t>722683-99999-2003.gz</t>
  </si>
  <si>
    <t>723105-03858-2005.gz</t>
  </si>
  <si>
    <t>F16</t>
  </si>
  <si>
    <t>GASTON</t>
  </si>
  <si>
    <t>743312-53925-2015.gz</t>
  </si>
  <si>
    <t>FY2013-DECATUR-007</t>
  </si>
  <si>
    <t xml:space="preserve">25 IC TAC 7              </t>
  </si>
  <si>
    <t>STEVENSON RANCH</t>
  </si>
  <si>
    <t>SAN ANDREAS</t>
  </si>
  <si>
    <t>CONTROL</t>
  </si>
  <si>
    <t>677 SOUTH LITTLE FIELD</t>
  </si>
  <si>
    <t>723273-99999-2005.gz</t>
  </si>
  <si>
    <t>726555-94938-2006.gz</t>
  </si>
  <si>
    <t>MAC</t>
  </si>
  <si>
    <t>723627-23081-1997.gz</t>
  </si>
  <si>
    <t>720623-99999-2010.gz</t>
  </si>
  <si>
    <t>FY2011-CLAY-024</t>
  </si>
  <si>
    <t>23/DEPOT CREEK-0381</t>
  </si>
  <si>
    <t>722200-12832-2010.gz</t>
  </si>
  <si>
    <t>TOM M. ROAD</t>
  </si>
  <si>
    <t>722470-03901-2004.gz</t>
  </si>
  <si>
    <t>FY2012-PEACH-022</t>
  </si>
  <si>
    <t>CRYSTAL 1</t>
  </si>
  <si>
    <t>LOG CABIN</t>
  </si>
  <si>
    <t>BIG IVEY</t>
  </si>
  <si>
    <t>723146-99999-2002.gz</t>
  </si>
  <si>
    <t>CHARLIE DRIVE FIRE</t>
  </si>
  <si>
    <t>723035-93740-2012.gz</t>
  </si>
  <si>
    <t>723116-99999-2004.gz</t>
  </si>
  <si>
    <t xml:space="preserve">NARROWS                  </t>
  </si>
  <si>
    <t>747186-99999-1993.gz</t>
  </si>
  <si>
    <t>722064-99999-1997.gz</t>
  </si>
  <si>
    <t xml:space="preserve">CAMANCHE                 </t>
  </si>
  <si>
    <t>SPRING BRANCH</t>
  </si>
  <si>
    <t>FY2015-DODGE-049</t>
  </si>
  <si>
    <t>FY2015-JOHNSON-023</t>
  </si>
  <si>
    <t>722217-63881-2014.gz</t>
  </si>
  <si>
    <t>MS0    1010-1290902001</t>
  </si>
  <si>
    <t>FY2002-WAYNE-089</t>
  </si>
  <si>
    <t>724396-93989-2009.gz</t>
  </si>
  <si>
    <t>COFFEE</t>
  </si>
  <si>
    <t>723035-99999-1995.gz</t>
  </si>
  <si>
    <t>722362-99999-2005.gz</t>
  </si>
  <si>
    <t>723160-13870-2010.gz</t>
  </si>
  <si>
    <t>723124-53874-2008.gz</t>
  </si>
  <si>
    <t>724118-99999-2005.gz</t>
  </si>
  <si>
    <t>WILLIAMS RD. FIRE</t>
  </si>
  <si>
    <t>GREENHEAD GRADE ( 67)</t>
  </si>
  <si>
    <t>FY2014-POLK-013</t>
  </si>
  <si>
    <t>720714-00252-2013.gz</t>
  </si>
  <si>
    <t>POTTER#1FP</t>
  </si>
  <si>
    <t>LAYNES CIRCLE</t>
  </si>
  <si>
    <t>METCALF MADNESS</t>
  </si>
  <si>
    <t>HILLVIEW DRIVE</t>
  </si>
  <si>
    <t>722860-23119-2014.gz</t>
  </si>
  <si>
    <t>CR 133 @ 107</t>
  </si>
  <si>
    <t>722656-23040-2012.gz</t>
  </si>
  <si>
    <t>DKLINE#15</t>
  </si>
  <si>
    <t>724339-99999-1995.gz</t>
  </si>
  <si>
    <t xml:space="preserve">REPEAT                   </t>
  </si>
  <si>
    <t>723069-93753-2007.gz</t>
  </si>
  <si>
    <t>KENNTH MEDOWEL</t>
  </si>
  <si>
    <t>BIGGS BERDNT WPA WILDFIRE</t>
  </si>
  <si>
    <t>SULLIVAN SPRINGS</t>
  </si>
  <si>
    <t>720589-00185-2014.gz</t>
  </si>
  <si>
    <t>727458-99999-2002.gz</t>
  </si>
  <si>
    <t>722499-99999-1999.gz</t>
  </si>
  <si>
    <t>SW 111TH  (63)-0032</t>
  </si>
  <si>
    <t>9117 GRAPEVINE ROAD</t>
  </si>
  <si>
    <t>SLEEPER LAKE</t>
  </si>
  <si>
    <t>726394-04874-2007.gz</t>
  </si>
  <si>
    <t>MP74 I84</t>
  </si>
  <si>
    <t>726815-24106-2006.gz</t>
  </si>
  <si>
    <t>LONE MOUNTAIN</t>
  </si>
  <si>
    <t>722212-92814-2006.gz</t>
  </si>
  <si>
    <t>FY2002-FLOYD-084</t>
  </si>
  <si>
    <t>MS0    0808-4180327004</t>
  </si>
  <si>
    <t>CORN HOLE FIRE</t>
  </si>
  <si>
    <t>724220-93820-2010.gz</t>
  </si>
  <si>
    <t>722469-99999-2004.gz</t>
  </si>
  <si>
    <t>724017-99999-2002.gz</t>
  </si>
  <si>
    <t>3-1 RAIL</t>
  </si>
  <si>
    <t>725958-94299-2010.gz</t>
  </si>
  <si>
    <t>04-0000012</t>
  </si>
  <si>
    <t>FY2011-EMANUEL-084</t>
  </si>
  <si>
    <t>MS0    0909-1700321016</t>
  </si>
  <si>
    <t>722235-13838-2008.gz</t>
  </si>
  <si>
    <t>LINDEN - 249</t>
  </si>
  <si>
    <t>722241-54925-2008.gz</t>
  </si>
  <si>
    <t>FY2012-TATTNALL-030</t>
  </si>
  <si>
    <t>NER-20120320-004</t>
  </si>
  <si>
    <t>720265-63833-2012.gz</t>
  </si>
  <si>
    <t>727890-94197-2007.gz</t>
  </si>
  <si>
    <t>TOLLEY DRIVE</t>
  </si>
  <si>
    <t>746936-99999-2005.gz</t>
  </si>
  <si>
    <t>745966-03726-2006.gz</t>
  </si>
  <si>
    <t>722404-13941-2008.gz</t>
  </si>
  <si>
    <t>CR 1402</t>
  </si>
  <si>
    <t>720295-53972-2012.gz</t>
  </si>
  <si>
    <t>CORDUROY MEADOWS</t>
  </si>
  <si>
    <t>ROCK SCHOOL</t>
  </si>
  <si>
    <t>746380-99999-2010.gz</t>
  </si>
  <si>
    <t>FY2015-ATKINSON-009</t>
  </si>
  <si>
    <t>720392-00128-2014.gz</t>
  </si>
  <si>
    <t>EC332</t>
  </si>
  <si>
    <t>FY2003-COFFEE-008</t>
  </si>
  <si>
    <t>UNNAMED FIRE 1825</t>
  </si>
  <si>
    <t>CLAY</t>
  </si>
  <si>
    <t>722869-99999-1996.gz</t>
  </si>
  <si>
    <t>PETERSON M</t>
  </si>
  <si>
    <t>726590-14929-1992.gz</t>
  </si>
  <si>
    <t>725194-99999-2003.gz</t>
  </si>
  <si>
    <t>723449-99999-1997.gz</t>
  </si>
  <si>
    <t>722745-23109-2007.gz</t>
  </si>
  <si>
    <t>CRUMLEY</t>
  </si>
  <si>
    <t>723100-13883-2008.gz</t>
  </si>
  <si>
    <t>BURRO</t>
  </si>
  <si>
    <t>WILLIAM HIGGINS</t>
  </si>
  <si>
    <t>722113-53979-2009.gz</t>
  </si>
  <si>
    <t xml:space="preserve">LAGUNA FIRE              </t>
  </si>
  <si>
    <t>3220 DICK BARNES LOOP</t>
  </si>
  <si>
    <t>MARGE</t>
  </si>
  <si>
    <t>INDIAN TRAIL FAIRVIEW</t>
  </si>
  <si>
    <t>TBSTATION</t>
  </si>
  <si>
    <t xml:space="preserve">SH29/OLD PONTOTOCRD </t>
  </si>
  <si>
    <t>720110-53983-2012.gz</t>
  </si>
  <si>
    <t>WAGSTAFF ROAD, AL</t>
  </si>
  <si>
    <t>GROSS FORK 2</t>
  </si>
  <si>
    <t>724190-03889-2015.gz</t>
  </si>
  <si>
    <t xml:space="preserve">F#10568 STATE OF CA#6    </t>
  </si>
  <si>
    <t>725116-54737-2008.gz</t>
  </si>
  <si>
    <t>MS0    1010-6260220001</t>
  </si>
  <si>
    <t xml:space="preserve">HUGHES                   </t>
  </si>
  <si>
    <t>724838-99999-1998.gz</t>
  </si>
  <si>
    <t>FORBES</t>
  </si>
  <si>
    <t xml:space="preserve">NATE                     </t>
  </si>
  <si>
    <t>HOLLAND RD.</t>
  </si>
  <si>
    <t>744864-54787-2014.gz</t>
  </si>
  <si>
    <t>722120-12833-2003.gz</t>
  </si>
  <si>
    <t>RILEY PRIDGEON</t>
  </si>
  <si>
    <t>722056-12834-2001.gz</t>
  </si>
  <si>
    <t>CHICKEN CREEK</t>
  </si>
  <si>
    <t>747917-00390-2011.gz</t>
  </si>
  <si>
    <t>NER-20120704-005</t>
  </si>
  <si>
    <t>LEIDELL</t>
  </si>
  <si>
    <t>RL270</t>
  </si>
  <si>
    <t>723895-23149-2015.gz</t>
  </si>
  <si>
    <t>LIVINGSTON - 631</t>
  </si>
  <si>
    <t>JODY CHANCE</t>
  </si>
  <si>
    <t>REDS FIRE</t>
  </si>
  <si>
    <t>722275-99999-2000.gz</t>
  </si>
  <si>
    <t>727730-24153-2010.gz</t>
  </si>
  <si>
    <t>TUB PEAK</t>
  </si>
  <si>
    <t>21 days 00:00:00.000000000</t>
  </si>
  <si>
    <t>724870-99999-2001.gz</t>
  </si>
  <si>
    <t>727856-99999-2000.gz</t>
  </si>
  <si>
    <t>MOUNTAIN</t>
  </si>
  <si>
    <t>BOILING SPRINGS ROAD FIRE</t>
  </si>
  <si>
    <t>723013-13748-1998.gz</t>
  </si>
  <si>
    <t>E6 FIRE</t>
  </si>
  <si>
    <t>723123-14886-2012.gz</t>
  </si>
  <si>
    <t>ZUMWALT</t>
  </si>
  <si>
    <t>726824-04112-2011.gz</t>
  </si>
  <si>
    <t>14-FUSSELL RD FIRE-0110</t>
  </si>
  <si>
    <t>RL</t>
  </si>
  <si>
    <t>MS0    0808-2350810001</t>
  </si>
  <si>
    <t>FY2012-WILKINSON-036</t>
  </si>
  <si>
    <t>722217-63881-2012.gz</t>
  </si>
  <si>
    <t>SWAN</t>
  </si>
  <si>
    <t>722119-99999-1992.gz</t>
  </si>
  <si>
    <t>PORT KELLY</t>
  </si>
  <si>
    <t>726883-04113-2010.gz</t>
  </si>
  <si>
    <t xml:space="preserve">RIMROCK                  </t>
  </si>
  <si>
    <t>724920-23237-1992.gz</t>
  </si>
  <si>
    <t>MOODY WASH</t>
  </si>
  <si>
    <t>HONEY LOCTUS</t>
  </si>
  <si>
    <t>722092-53941-2011.gz</t>
  </si>
  <si>
    <t>BASIN</t>
  </si>
  <si>
    <t>CRANBERRY</t>
  </si>
  <si>
    <t>HWY 173/BRUMMET RD</t>
  </si>
  <si>
    <t>COTTONWOOD CREEK RD</t>
  </si>
  <si>
    <t>720622-99999-2012.gz</t>
  </si>
  <si>
    <t>VINEYARD/ACME</t>
  </si>
  <si>
    <t>FY2015-CAMDEN-010</t>
  </si>
  <si>
    <t>RRMP 418</t>
  </si>
  <si>
    <t>726815-24106-1997.gz</t>
  </si>
  <si>
    <t>PUCKETT RDG/MUDLICK FK</t>
  </si>
  <si>
    <t>724106-99999-2000.gz</t>
  </si>
  <si>
    <t>PINE 5</t>
  </si>
  <si>
    <t>994044-99999-2013.gz</t>
  </si>
  <si>
    <t>DOME FIRE</t>
  </si>
  <si>
    <t>725864-94182-2011.gz</t>
  </si>
  <si>
    <t>WAMPLERS</t>
  </si>
  <si>
    <t>WILLIAMS CREEK</t>
  </si>
  <si>
    <t>MOLYNEAUX</t>
  </si>
  <si>
    <t>WULIK RIVER</t>
  </si>
  <si>
    <t>701045-26649-2015.gz</t>
  </si>
  <si>
    <t>726555-94938-2015.gz</t>
  </si>
  <si>
    <t>C FIRE</t>
  </si>
  <si>
    <t>726560-24025-2014.gz</t>
  </si>
  <si>
    <t>726525-99999-2004.gz</t>
  </si>
  <si>
    <t>EL PRADO</t>
  </si>
  <si>
    <t>OLD SAW MILL</t>
  </si>
  <si>
    <t>720945-99999-2012.gz</t>
  </si>
  <si>
    <t>MS0    1010-2780918002</t>
  </si>
  <si>
    <t>PECOS</t>
  </si>
  <si>
    <t>722780-23183-1997.gz</t>
  </si>
  <si>
    <t>UNNAMED FIRE 0506</t>
  </si>
  <si>
    <t>MS0    1010-5430312004</t>
  </si>
  <si>
    <t>722357-03961-2010.gz</t>
  </si>
  <si>
    <t>MILEMARKER 152 (31)</t>
  </si>
  <si>
    <t>747930-12843-2012.gz</t>
  </si>
  <si>
    <t>FY2001-EARLY-047</t>
  </si>
  <si>
    <t>MAD LADY</t>
  </si>
  <si>
    <t>723566-93950-2007.gz</t>
  </si>
  <si>
    <t>65 days 00:00:00.000000000</t>
  </si>
  <si>
    <t>724240-99999-2002.gz</t>
  </si>
  <si>
    <t>4761 CHERYL LN</t>
  </si>
  <si>
    <t>722489-53911-2013.gz</t>
  </si>
  <si>
    <t>MARSHALL</t>
  </si>
  <si>
    <t>722656-23040-2010.gz</t>
  </si>
  <si>
    <t>THE 3 AMIGOS RANCH</t>
  </si>
  <si>
    <t>FY2011-COLQUITT-133</t>
  </si>
  <si>
    <t>WOOLMARKET VILLAGE</t>
  </si>
  <si>
    <t>SAND HOLLOW</t>
  </si>
  <si>
    <t>CR 4243</t>
  </si>
  <si>
    <t>HUNTER FIRE</t>
  </si>
  <si>
    <t>HOT SPRINGS MEADOWS</t>
  </si>
  <si>
    <t>725784-99999-1994.gz</t>
  </si>
  <si>
    <t>722487-13935-2002.gz</t>
  </si>
  <si>
    <t>NO TXPT 1</t>
  </si>
  <si>
    <t>747950-99999-2002.gz</t>
  </si>
  <si>
    <t>720769-00275-2014.gz</t>
  </si>
  <si>
    <t>YAQUI</t>
  </si>
  <si>
    <t>726588-04956-2007.gz</t>
  </si>
  <si>
    <t>MS0    1010-6221005003</t>
  </si>
  <si>
    <t>724053-03717-2011.gz</t>
  </si>
  <si>
    <t>STAFFORD</t>
  </si>
  <si>
    <t>23 days 00:00:00.000000000</t>
  </si>
  <si>
    <t>MCQUEEN ROAD</t>
  </si>
  <si>
    <t>FY2001-CRISP-014</t>
  </si>
  <si>
    <t>722429-99999-2000.gz</t>
  </si>
  <si>
    <t>722053-99999-2001.gz</t>
  </si>
  <si>
    <t>MILLER SHORES BOAT RAMP</t>
  </si>
  <si>
    <t>720404-00134-2010.gz</t>
  </si>
  <si>
    <t>722068-99999-1992.gz</t>
  </si>
  <si>
    <t>K-BAR CANYON</t>
  </si>
  <si>
    <t>11-0000508 LOUPOTS TREE FIRE</t>
  </si>
  <si>
    <t>722031-63839-2008.gz</t>
  </si>
  <si>
    <t>CATTLE TOWN</t>
  </si>
  <si>
    <t>DIABALO</t>
  </si>
  <si>
    <t>723816-03159-2004.gz</t>
  </si>
  <si>
    <t>POOWEGUP 2</t>
  </si>
  <si>
    <t>724700-99999-1992.gz</t>
  </si>
  <si>
    <t>ARSON</t>
  </si>
  <si>
    <t>723650-23050-2013.gz</t>
  </si>
  <si>
    <t>5807 FM 1722</t>
  </si>
  <si>
    <t>722143-53975-2010.gz</t>
  </si>
  <si>
    <t>FY2012-RICHMOND-022</t>
  </si>
  <si>
    <t>722181-13837-2011.gz</t>
  </si>
  <si>
    <t>THOMAS RAN</t>
  </si>
  <si>
    <t>SWR-20141102-002</t>
  </si>
  <si>
    <t>720362-63874-2014.gz</t>
  </si>
  <si>
    <t>SHANNON &amp; MCDUFFIE FIRE</t>
  </si>
  <si>
    <t>723109-93782-2014.gz</t>
  </si>
  <si>
    <t>723194-99999-2005.gz</t>
  </si>
  <si>
    <t>723820-23182-2012.gz</t>
  </si>
  <si>
    <t>LAST CALL</t>
  </si>
  <si>
    <t>OSOS</t>
  </si>
  <si>
    <t>722897-93206-2009.gz</t>
  </si>
  <si>
    <t>GREEN MTN RD FIRE</t>
  </si>
  <si>
    <t>726836-04201-2008.gz</t>
  </si>
  <si>
    <t>SOUTH ELBERT</t>
  </si>
  <si>
    <t>724673-93009-2010.gz</t>
  </si>
  <si>
    <t>724016-93736-1997.gz</t>
  </si>
  <si>
    <t>DANBOWERS</t>
  </si>
  <si>
    <t>GHOLSON RD</t>
  </si>
  <si>
    <t>727505-99999-2002.gz</t>
  </si>
  <si>
    <t>722575-03972-2008.gz</t>
  </si>
  <si>
    <t>723100-13883-2005.gz</t>
  </si>
  <si>
    <t>726654-94054-2014.gz</t>
  </si>
  <si>
    <t>722416-12971-2008.gz</t>
  </si>
  <si>
    <t>725290-14768-2013.gz</t>
  </si>
  <si>
    <t>724680-99999-2003.gz</t>
  </si>
  <si>
    <t>NER-20151116-001</t>
  </si>
  <si>
    <t>722031-63839-2015.gz</t>
  </si>
  <si>
    <t>692704-99999-1993.gz</t>
  </si>
  <si>
    <t>722202-12985-2006.gz</t>
  </si>
  <si>
    <t>723146-53892-2007.gz</t>
  </si>
  <si>
    <t>723444-99999-1995.gz</t>
  </si>
  <si>
    <t>STOUT CREEK</t>
  </si>
  <si>
    <t>BIRCH RIDGE FIRE</t>
  </si>
  <si>
    <t>702600-26435-2002.gz</t>
  </si>
  <si>
    <t>723083-13763-1998.gz</t>
  </si>
  <si>
    <t>SANDS</t>
  </si>
  <si>
    <t>722275-99999-1999.gz</t>
  </si>
  <si>
    <t>RT. 20 IN NUTTER FORT</t>
  </si>
  <si>
    <t>724175-03802-2012.gz</t>
  </si>
  <si>
    <t>B JEAN</t>
  </si>
  <si>
    <t>720307-63804-2012.gz</t>
  </si>
  <si>
    <t>724080-13739-2000.gz</t>
  </si>
  <si>
    <t>VALLEYVIEW</t>
  </si>
  <si>
    <t>36/EMPTY LOT FIRE</t>
  </si>
  <si>
    <t>997346-99999-2010.gz</t>
  </si>
  <si>
    <t>720313-03052-2007.gz</t>
  </si>
  <si>
    <t>726626-99999-2001.gz</t>
  </si>
  <si>
    <t>ENCAMPMENT</t>
  </si>
  <si>
    <t>724678-94033-2012.gz</t>
  </si>
  <si>
    <t>NOR-20150216-002</t>
  </si>
  <si>
    <t>KEMPE  ST.&amp;AVE A. FIRE</t>
  </si>
  <si>
    <t>722517-12932-2010.gz</t>
  </si>
  <si>
    <t>HAYSTACK</t>
  </si>
  <si>
    <t>727677-99999-1996.gz</t>
  </si>
  <si>
    <t>2012-87</t>
  </si>
  <si>
    <t>SHAKK</t>
  </si>
  <si>
    <t xml:space="preserve">HORSE 3                  </t>
  </si>
  <si>
    <t>FLATS ROAD</t>
  </si>
  <si>
    <t>723260-13891-2004.gz</t>
  </si>
  <si>
    <t>722470-03901-1992.gz</t>
  </si>
  <si>
    <t>BARBER</t>
  </si>
  <si>
    <t>CROOKED CR</t>
  </si>
  <si>
    <t>701780-26529-2004.gz</t>
  </si>
  <si>
    <t>725180-14735-2013.gz</t>
  </si>
  <si>
    <t>722104-92806-2004.gz</t>
  </si>
  <si>
    <t xml:space="preserve">ADAMS 23                 </t>
  </si>
  <si>
    <t>726904-24231-2006.gz</t>
  </si>
  <si>
    <t>FY2011-TREUTLEN-092</t>
  </si>
  <si>
    <t>727873-99999-2002.gz</t>
  </si>
  <si>
    <t>MILES</t>
  </si>
  <si>
    <t>725868-99999-2001.gz</t>
  </si>
  <si>
    <t>724236-03889-1992.gz</t>
  </si>
  <si>
    <t>TRVFD2009-9</t>
  </si>
  <si>
    <t>720391-99999-2008.gz</t>
  </si>
  <si>
    <t>MERIDIAN</t>
  </si>
  <si>
    <t>725930-23233-2010.gz</t>
  </si>
  <si>
    <t>726667-24048-2006.gz</t>
  </si>
  <si>
    <t>727505-99999-1994.gz</t>
  </si>
  <si>
    <t>FY2011-HARRIS-015</t>
  </si>
  <si>
    <t>722255-93842-2010.gz</t>
  </si>
  <si>
    <t>726988-24219-2000.gz</t>
  </si>
  <si>
    <t>KINKO</t>
  </si>
  <si>
    <t>720867-00293-2011.gz</t>
  </si>
  <si>
    <t>BUCKHOLTS ASSIST</t>
  </si>
  <si>
    <t>722577-93984-2010.gz</t>
  </si>
  <si>
    <t>727825-99999-1992.gz</t>
  </si>
  <si>
    <t>101 FM 1127</t>
  </si>
  <si>
    <t>TRAILER</t>
  </si>
  <si>
    <t>HARDISON FIRE</t>
  </si>
  <si>
    <t>HENDERSON - 192</t>
  </si>
  <si>
    <t xml:space="preserve">SWEENEY                  </t>
  </si>
  <si>
    <t>723896-99999-1994.gz</t>
  </si>
  <si>
    <t>S.R.1743/JCT HWY87</t>
  </si>
  <si>
    <t>723013-13748-2003.gz</t>
  </si>
  <si>
    <t>992120-99999-1997.gz</t>
  </si>
  <si>
    <t>DEADHORSE</t>
  </si>
  <si>
    <t>725760-24021-1998.gz</t>
  </si>
  <si>
    <t xml:space="preserve">USAL                     </t>
  </si>
  <si>
    <t>725848-99999-2006.gz</t>
  </si>
  <si>
    <t>GREGORY FIRE</t>
  </si>
  <si>
    <t>723448-53934-2008.gz</t>
  </si>
  <si>
    <t>GREEN COVE</t>
  </si>
  <si>
    <t>726079-99999-1998.gz</t>
  </si>
  <si>
    <t>WILDFIRE @ CR 2150</t>
  </si>
  <si>
    <t>POW WOW</t>
  </si>
  <si>
    <t>726350-94860-1997.gz</t>
  </si>
  <si>
    <t>725180-14735-2012.gz</t>
  </si>
  <si>
    <t>727815-24237-2010.gz</t>
  </si>
  <si>
    <t>NECK</t>
  </si>
  <si>
    <t>720449-99999-2014.gz</t>
  </si>
  <si>
    <t>PARKWAY</t>
  </si>
  <si>
    <t>TECUMSEH</t>
  </si>
  <si>
    <t>6255 QUEBE RD.    4</t>
  </si>
  <si>
    <t>722553-53928-2012.gz</t>
  </si>
  <si>
    <t>SUGAN HOLLOW</t>
  </si>
  <si>
    <t>WOLVERINE</t>
  </si>
  <si>
    <t>FY2013-BEN HILL-039</t>
  </si>
  <si>
    <t>722062-63842-2013.gz</t>
  </si>
  <si>
    <t>FY2001-WALKER-013</t>
  </si>
  <si>
    <t>ROAD 6</t>
  </si>
  <si>
    <t>70 EAST FIRE</t>
  </si>
  <si>
    <t>723095-93719-2002.gz</t>
  </si>
  <si>
    <t>722225-03855-2005.gz</t>
  </si>
  <si>
    <t>724100-13733-2007.gz</t>
  </si>
  <si>
    <t>727449-99999-2001.gz</t>
  </si>
  <si>
    <t>BIG JOHNSON</t>
  </si>
  <si>
    <t>720358-53999-2013.gz</t>
  </si>
  <si>
    <t>JOHN MELVIN RD (46)</t>
  </si>
  <si>
    <t>722246-03844-2013.gz</t>
  </si>
  <si>
    <t>ROY LK</t>
  </si>
  <si>
    <t>89 days 00:00:00.000000000</t>
  </si>
  <si>
    <t xml:space="preserve">EL TORO                  </t>
  </si>
  <si>
    <t>722044-53930-2010.gz</t>
  </si>
  <si>
    <t>722640-93035-2006.gz</t>
  </si>
  <si>
    <t>722689-99999-2005.gz</t>
  </si>
  <si>
    <t>722312-03908-2014.gz</t>
  </si>
  <si>
    <t>724175-03802-2007.gz</t>
  </si>
  <si>
    <t>CURUTES</t>
  </si>
  <si>
    <t>724463-13988-1992.gz</t>
  </si>
  <si>
    <t>1/2 M S, 1/2 M E OF PEERY ROAD AND HWY 23</t>
  </si>
  <si>
    <t>720315-03045-2010.gz</t>
  </si>
  <si>
    <t>749179-00392-2011.gz</t>
  </si>
  <si>
    <t>727478-99999-1999.gz</t>
  </si>
  <si>
    <t>CAPOOTH RD</t>
  </si>
  <si>
    <t>727458-99999-2000.gz</t>
  </si>
  <si>
    <t xml:space="preserve">SUNNY                    </t>
  </si>
  <si>
    <t>723340-13893-1997.gz</t>
  </si>
  <si>
    <t>725155-94761-2007.gz</t>
  </si>
  <si>
    <t>MS0    1010-5031025001</t>
  </si>
  <si>
    <t>FM469 COOK RANCH</t>
  </si>
  <si>
    <t>BELCHER</t>
  </si>
  <si>
    <t>722686-23008-1994.gz</t>
  </si>
  <si>
    <t>FY2001-COWETA-016</t>
  </si>
  <si>
    <t>WOODVILLE - 78</t>
  </si>
  <si>
    <t>MS0    1111-3310129002</t>
  </si>
  <si>
    <t>CLARENCE</t>
  </si>
  <si>
    <t>720853-00281-2015.gz</t>
  </si>
  <si>
    <t>SMOKETREE ST  MEAD</t>
  </si>
  <si>
    <t>TRINITY</t>
  </si>
  <si>
    <t>722094-53984-2015.gz</t>
  </si>
  <si>
    <t>(19) ALLIGATORS FIRE</t>
  </si>
  <si>
    <t>994086-99999-2010.gz</t>
  </si>
  <si>
    <t>HELL</t>
  </si>
  <si>
    <t>722710-93045-1995.gz</t>
  </si>
  <si>
    <t>4 MILE AND SCHUERBACH FIRE</t>
  </si>
  <si>
    <t>720276-12983-2011.gz</t>
  </si>
  <si>
    <t>722188-53985-2008.gz</t>
  </si>
  <si>
    <t xml:space="preserve">CABEU002357              </t>
  </si>
  <si>
    <t>FM 175 FIRE</t>
  </si>
  <si>
    <t>TIMBERED ROCK</t>
  </si>
  <si>
    <t>725970-24225-2002.gz</t>
  </si>
  <si>
    <t>IRONS FORK</t>
  </si>
  <si>
    <t>SQUASH</t>
  </si>
  <si>
    <t>FY2002-COOK-076</t>
  </si>
  <si>
    <t>RL156</t>
  </si>
  <si>
    <t>727550-99999-2001.gz</t>
  </si>
  <si>
    <t>722268-99999-2004.gz</t>
  </si>
  <si>
    <t>RAINY (22)</t>
  </si>
  <si>
    <t>TURKEY</t>
  </si>
  <si>
    <t>LEATHERWOOD CREEK</t>
  </si>
  <si>
    <t>596 - TCHULKADE LAKE</t>
  </si>
  <si>
    <t>701940-26413-2010.gz</t>
  </si>
  <si>
    <t>CLEVELAND FIRE</t>
  </si>
  <si>
    <t>GRIZZLY MTN</t>
  </si>
  <si>
    <t>INC 380</t>
  </si>
  <si>
    <t>722255-93842-2007.gz</t>
  </si>
  <si>
    <t>JAIL</t>
  </si>
  <si>
    <t>MCLEOD</t>
  </si>
  <si>
    <t>702606-99999-1996.gz</t>
  </si>
  <si>
    <t>SLINKARD 2</t>
  </si>
  <si>
    <t>725847-93230-2005.gz</t>
  </si>
  <si>
    <t>FY2015-GREENE-004</t>
  </si>
  <si>
    <t>720347-63877-2015.gz</t>
  </si>
  <si>
    <t>S. YATES</t>
  </si>
  <si>
    <t>CASTLE RK2</t>
  </si>
  <si>
    <t>726988-24219-1992.gz</t>
  </si>
  <si>
    <t>SR 1104&amp; HWY. 83</t>
  </si>
  <si>
    <t>BEE HOUSE</t>
  </si>
  <si>
    <t>725705-94030-2014.gz</t>
  </si>
  <si>
    <t>WQLNUT ST.</t>
  </si>
  <si>
    <t>GRAM</t>
  </si>
  <si>
    <t xml:space="preserve">OHM                      </t>
  </si>
  <si>
    <t>724973-93203-2006.gz</t>
  </si>
  <si>
    <t>S.F. DUMP</t>
  </si>
  <si>
    <t>I1213</t>
  </si>
  <si>
    <t>128137-07140-04012015-1055</t>
  </si>
  <si>
    <t>724459-53931-2015.gz</t>
  </si>
  <si>
    <t>MALT</t>
  </si>
  <si>
    <t>725976-94285-2014.gz</t>
  </si>
  <si>
    <t>724110-13741-2001.gz</t>
  </si>
  <si>
    <t>722553-53928-2007.gz</t>
  </si>
  <si>
    <t>MAJUBA</t>
  </si>
  <si>
    <t>725805-24172-2012.gz</t>
  </si>
  <si>
    <t>722484-53905-2010.gz</t>
  </si>
  <si>
    <t>RRCMPXFIRE</t>
  </si>
  <si>
    <t>RS ANDERSON I</t>
  </si>
  <si>
    <t>726515-94902-2009.gz</t>
  </si>
  <si>
    <t>COWPIE</t>
  </si>
  <si>
    <t>724026-99999-1998.gz</t>
  </si>
  <si>
    <t>722735-93026-1994.gz</t>
  </si>
  <si>
    <t xml:space="preserve">WATERTOWN #2             </t>
  </si>
  <si>
    <t>724920-23237-2007.gz</t>
  </si>
  <si>
    <t>N. TIDWELL RD</t>
  </si>
  <si>
    <t>WILDLIFE FIRE</t>
  </si>
  <si>
    <t>DWRANCH</t>
  </si>
  <si>
    <t>723700-99999-1995.gz</t>
  </si>
  <si>
    <t>MITCHELL COMPLEX -COAHOMA FIRE</t>
  </si>
  <si>
    <t>723745-00374-2013.gz</t>
  </si>
  <si>
    <t>SHARPSPOON</t>
  </si>
  <si>
    <t>726904-24231-1995.gz</t>
  </si>
  <si>
    <t>725155-94761-2009.gz</t>
  </si>
  <si>
    <t>NORTH CANYON LANE</t>
  </si>
  <si>
    <t>A1303023</t>
  </si>
  <si>
    <t>CASCADE</t>
  </si>
  <si>
    <t>726514-99999-2002.gz</t>
  </si>
  <si>
    <t>WITHERS RIM</t>
  </si>
  <si>
    <t>724635-23067-2000.gz</t>
  </si>
  <si>
    <t>BEAR MOUNTAIN</t>
  </si>
  <si>
    <t>725970-24225-1994.gz</t>
  </si>
  <si>
    <t xml:space="preserve">TRANSMISSION             </t>
  </si>
  <si>
    <t>NOBRAIN</t>
  </si>
  <si>
    <t xml:space="preserve">PIT                      </t>
  </si>
  <si>
    <t>CYPRESS SHOP(01)</t>
  </si>
  <si>
    <t>722487-13935-2015.gz</t>
  </si>
  <si>
    <t>RL046</t>
  </si>
  <si>
    <t>727928-99999-2001.gz</t>
  </si>
  <si>
    <t>PAUL WILLIS RD.</t>
  </si>
  <si>
    <t>720379-63882-2015.gz</t>
  </si>
  <si>
    <t>CARSON RIVER</t>
  </si>
  <si>
    <t>W MNT N</t>
  </si>
  <si>
    <t>723200-93801-2008.gz</t>
  </si>
  <si>
    <t>WALKER'S TRAILER PARK</t>
  </si>
  <si>
    <t>723156-63812-2011.gz</t>
  </si>
  <si>
    <t>WW0214</t>
  </si>
  <si>
    <t>ROSITA</t>
  </si>
  <si>
    <t>OLD DUMMY</t>
  </si>
  <si>
    <t>701748-99999-2005.gz</t>
  </si>
  <si>
    <t xml:space="preserve">CHEVRON #3               </t>
  </si>
  <si>
    <t>WAR CREEK 1</t>
  </si>
  <si>
    <t>FY2001-ATKINSON-041</t>
  </si>
  <si>
    <t xml:space="preserve">VAN BUREN                </t>
  </si>
  <si>
    <t>LIN519860</t>
  </si>
  <si>
    <t>HUNTER SAW IT</t>
  </si>
  <si>
    <t>722131-03713-2011.gz</t>
  </si>
  <si>
    <t>WAYMANS RIDGE ROAD</t>
  </si>
  <si>
    <t>724275-14894-2014.gz</t>
  </si>
  <si>
    <t>PURGITSVILLE</t>
  </si>
  <si>
    <t>A00031-03725-2015.gz</t>
  </si>
  <si>
    <t>725037-94745-2001.gz</t>
  </si>
  <si>
    <t>RUNWAY</t>
  </si>
  <si>
    <t>OLD PIONEER ROAD</t>
  </si>
  <si>
    <t>722361-92808-2007.gz</t>
  </si>
  <si>
    <t>724955-99999-1993.gz</t>
  </si>
  <si>
    <t>722484-53905-2012.gz</t>
  </si>
  <si>
    <t>DRY BLUE</t>
  </si>
  <si>
    <t>FY2015-LUMPKIN-023</t>
  </si>
  <si>
    <t>BEDROCK</t>
  </si>
  <si>
    <t>FY2001-UPSON-027</t>
  </si>
  <si>
    <t>MUSTANG</t>
  </si>
  <si>
    <t>724880-23185-2004.gz</t>
  </si>
  <si>
    <t>2010-448</t>
  </si>
  <si>
    <t>722489-53911-2010.gz</t>
  </si>
  <si>
    <t>GOODIN BRACNH FIRE</t>
  </si>
  <si>
    <t>FY2014-PAULDING-004</t>
  </si>
  <si>
    <t>GRASSFIRE112014</t>
  </si>
  <si>
    <t>722042-53978-2014.gz</t>
  </si>
  <si>
    <t>722156-99999-2005.gz</t>
  </si>
  <si>
    <t>SMALLWOOD RD.</t>
  </si>
  <si>
    <t xml:space="preserve">MOBIL OIL # 2            </t>
  </si>
  <si>
    <t xml:space="preserve">STATE 1018               </t>
  </si>
  <si>
    <t>FOSSIL</t>
  </si>
  <si>
    <t>79TH FIRE</t>
  </si>
  <si>
    <t>BELSTAD</t>
  </si>
  <si>
    <t>722159-12980-2012.gz</t>
  </si>
  <si>
    <t xml:space="preserve">HWY 1  / HWY 116         </t>
  </si>
  <si>
    <t>992490-99999-2008.gz</t>
  </si>
  <si>
    <t>722122-03050-2006.gz</t>
  </si>
  <si>
    <t>MS0    1010-2351002011</t>
  </si>
  <si>
    <t>MCKINLEY RIVER</t>
  </si>
  <si>
    <t>GIESBRECHT,N</t>
  </si>
  <si>
    <t>722487-13935-2010.gz</t>
  </si>
  <si>
    <t>726394-04874-2010.gz</t>
  </si>
  <si>
    <t>BORDER 10</t>
  </si>
  <si>
    <t>747186-99999-2003.gz</t>
  </si>
  <si>
    <t xml:space="preserve">ASH #1                   </t>
  </si>
  <si>
    <t>WHITE STORE AND CAMDEN CHURCH ROAD</t>
  </si>
  <si>
    <t>725294-00383-2014.gz</t>
  </si>
  <si>
    <t>ISABELLE</t>
  </si>
  <si>
    <t>723754-99999-2001.gz</t>
  </si>
  <si>
    <t xml:space="preserve">BENITO                   </t>
  </si>
  <si>
    <t>HERON BAY</t>
  </si>
  <si>
    <t>TIN CAN</t>
  </si>
  <si>
    <t>727684-99999-2003.gz</t>
  </si>
  <si>
    <t>FY2012-COLQUITT-013</t>
  </si>
  <si>
    <t>MORNINGSTR</t>
  </si>
  <si>
    <t>PMA FIRE</t>
  </si>
  <si>
    <t>722324-03071-2011.gz</t>
  </si>
  <si>
    <t>ROCKDALE HAY BALE/GRASS FIRE</t>
  </si>
  <si>
    <t>MS0    0808-5450326007</t>
  </si>
  <si>
    <t>723408-13814-2006.gz</t>
  </si>
  <si>
    <t>724100-13733-2008.gz</t>
  </si>
  <si>
    <t>TRENAY</t>
  </si>
  <si>
    <t>725037-94745-2006.gz</t>
  </si>
  <si>
    <t>MENIFEE RD / HERITAGE LAK</t>
  </si>
  <si>
    <t>PUMPKIN</t>
  </si>
  <si>
    <t>727453-94967-2010.gz</t>
  </si>
  <si>
    <t>PETTEFFY RANCH (43)</t>
  </si>
  <si>
    <t>723069-99999-2005.gz</t>
  </si>
  <si>
    <t>724074-99999-2001.gz</t>
  </si>
  <si>
    <t>HILLBILLY HILL</t>
  </si>
  <si>
    <t>726385-99999-1995.gz</t>
  </si>
  <si>
    <t>TALLY RD TRASH PIT</t>
  </si>
  <si>
    <t>FY2001-CHATTAHOOCHEE-001</t>
  </si>
  <si>
    <t>725155-99999-1998.gz</t>
  </si>
  <si>
    <t>OAK TERRACE # 4</t>
  </si>
  <si>
    <t>FISH HATCHERY</t>
  </si>
  <si>
    <t>722508-12957-2012.gz</t>
  </si>
  <si>
    <t>724920-23237-1999.gz</t>
  </si>
  <si>
    <t>LIZZIE JETER LANE</t>
  </si>
  <si>
    <t>746930-93737-2014.gz</t>
  </si>
  <si>
    <t>WILDLAND- 83 N. 2 MILES</t>
  </si>
  <si>
    <t>722202-12985-2010.gz</t>
  </si>
  <si>
    <t>OTA 133</t>
  </si>
  <si>
    <t>E AMERICAN AV / COVE AV 4</t>
  </si>
  <si>
    <t>DOUGLAS RD. FIRE</t>
  </si>
  <si>
    <t>HWY 56 6</t>
  </si>
  <si>
    <t>OVERPASS</t>
  </si>
  <si>
    <t>TOLL</t>
  </si>
  <si>
    <t>725946-24286-2008.gz</t>
  </si>
  <si>
    <t>723407-03953-2014.gz</t>
  </si>
  <si>
    <t>SILLYII</t>
  </si>
  <si>
    <t>725670-24032-2003.gz</t>
  </si>
  <si>
    <t>HIDDEN</t>
  </si>
  <si>
    <t>PATTY'S</t>
  </si>
  <si>
    <t>723647-99999-2004.gz</t>
  </si>
  <si>
    <t>HUBER RD. # 1</t>
  </si>
  <si>
    <t>726836-04201-2007.gz</t>
  </si>
  <si>
    <t>722119-99999-1998.gz</t>
  </si>
  <si>
    <t>NO DOGS IN THIS FIGHT</t>
  </si>
  <si>
    <t>LIVINGSTON - 243</t>
  </si>
  <si>
    <t>DEWEYS</t>
  </si>
  <si>
    <t>727686-99999-1999.gz</t>
  </si>
  <si>
    <t>726577-99999-1998.gz</t>
  </si>
  <si>
    <t>FY2001-LAMAR-032</t>
  </si>
  <si>
    <t xml:space="preserve">BORDESSA                 </t>
  </si>
  <si>
    <t>FLOSSIE</t>
  </si>
  <si>
    <t>114 days 00:00:00.000000000</t>
  </si>
  <si>
    <t>724350-03816-1998.gz</t>
  </si>
  <si>
    <t>HOLLY GROVE</t>
  </si>
  <si>
    <t>720413-00138-2009.gz</t>
  </si>
  <si>
    <t>BIG JOE</t>
  </si>
  <si>
    <t>BRADSHAW</t>
  </si>
  <si>
    <t>723723-23184-1999.gz</t>
  </si>
  <si>
    <t>QUATER ROAD</t>
  </si>
  <si>
    <t>JULIAN # 1</t>
  </si>
  <si>
    <t>722247-54785-2008.gz</t>
  </si>
  <si>
    <t xml:space="preserve">FREMONT PEAK             </t>
  </si>
  <si>
    <t>RL52</t>
  </si>
  <si>
    <t>FY2014-MARION-027</t>
  </si>
  <si>
    <t>722255-93842-2014.gz</t>
  </si>
  <si>
    <t>MULTIPLE FENCE (11)</t>
  </si>
  <si>
    <t>57 days 00:00:00.000000000</t>
  </si>
  <si>
    <t>725784-99999-2005.gz</t>
  </si>
  <si>
    <t>CR 3200</t>
  </si>
  <si>
    <t>SUNFLOWER FLAT</t>
  </si>
  <si>
    <t>SANTAN7</t>
  </si>
  <si>
    <t>722749-99999-2001.gz</t>
  </si>
  <si>
    <t>17 NORTH ON TX 137</t>
  </si>
  <si>
    <t>722616-03032-2009.gz</t>
  </si>
  <si>
    <t>WOLF CREEK</t>
  </si>
  <si>
    <t>UNNAMED FIRE 3603</t>
  </si>
  <si>
    <t>BANNER RANCH</t>
  </si>
  <si>
    <t>726987-94204-2006.gz</t>
  </si>
  <si>
    <t xml:space="preserve">RICHARDSON               </t>
  </si>
  <si>
    <t>MS2001</t>
  </si>
  <si>
    <t>COLLEGE</t>
  </si>
  <si>
    <t>BARTON</t>
  </si>
  <si>
    <t>LEE FARMS</t>
  </si>
  <si>
    <t>HT</t>
  </si>
  <si>
    <t>725835-24119-1999.gz</t>
  </si>
  <si>
    <t xml:space="preserve">SIXTEEN                  </t>
  </si>
  <si>
    <t>724107-53895-2007.gz</t>
  </si>
  <si>
    <t>744904-99999-1998.gz</t>
  </si>
  <si>
    <t>DIRTY CAT</t>
  </si>
  <si>
    <t xml:space="preserve">DYE CREEK                </t>
  </si>
  <si>
    <t>722029-99999-2003.gz</t>
  </si>
  <si>
    <t>JACKSON, RANCH</t>
  </si>
  <si>
    <t>720659-00239-2012.gz</t>
  </si>
  <si>
    <t>723106-13744-2007.gz</t>
  </si>
  <si>
    <t>HOG CANYON</t>
  </si>
  <si>
    <t>TALL TIMBER</t>
  </si>
  <si>
    <t>723145-03810-1998.gz</t>
  </si>
  <si>
    <t>OTA 175</t>
  </si>
  <si>
    <t>FY2002-FLOYD-002</t>
  </si>
  <si>
    <t>EVERYWHERE</t>
  </si>
  <si>
    <t>123 FOWLER</t>
  </si>
  <si>
    <t xml:space="preserve">BOHNA                    </t>
  </si>
  <si>
    <t>GUACAMALLA</t>
  </si>
  <si>
    <t>ALLOT 1323</t>
  </si>
  <si>
    <t>724118-99999-2002.gz</t>
  </si>
  <si>
    <t>726468-99999-1998.gz</t>
  </si>
  <si>
    <t>FY2014-PULASKI-045</t>
  </si>
  <si>
    <t>720601-00193-2010.gz</t>
  </si>
  <si>
    <t>SEVEN SPRINGS</t>
  </si>
  <si>
    <t>GRAPE CREEK RD. &amp; FM 2105</t>
  </si>
  <si>
    <t>SUNSET</t>
  </si>
  <si>
    <t xml:space="preserve">"MACCIOCCHI,R"           </t>
  </si>
  <si>
    <t>IRVINE</t>
  </si>
  <si>
    <t>724243-03849-1995.gz</t>
  </si>
  <si>
    <t>TONTO'S 943 FIRE</t>
  </si>
  <si>
    <t>INDIAN WAY</t>
  </si>
  <si>
    <t>FUSSELL RD (25)</t>
  </si>
  <si>
    <t>MUD</t>
  </si>
  <si>
    <t>JOE</t>
  </si>
  <si>
    <t>HENDERSON - 533</t>
  </si>
  <si>
    <t>KIOWA-690</t>
  </si>
  <si>
    <t>723525-93986-2013.gz</t>
  </si>
  <si>
    <t>722122-03050-2011.gz</t>
  </si>
  <si>
    <t>TRESTLE RIDGE</t>
  </si>
  <si>
    <t>727834-99999-2005.gz</t>
  </si>
  <si>
    <t>I 15  S/ BUNDY CANYON  14</t>
  </si>
  <si>
    <t>720769-99999-2012.gz</t>
  </si>
  <si>
    <t>FY2000-JONES-067</t>
  </si>
  <si>
    <t xml:space="preserve">WOODWARD#8               </t>
  </si>
  <si>
    <t>723235-13896-1991.gz</t>
  </si>
  <si>
    <t>HORSE CREEK REKINDLE</t>
  </si>
  <si>
    <t>726503-99999-2000.gz</t>
  </si>
  <si>
    <t>LINN</t>
  </si>
  <si>
    <t>MS0    1010-3650326002</t>
  </si>
  <si>
    <t>SER-20150310-003</t>
  </si>
  <si>
    <t>NER-20140711-001</t>
  </si>
  <si>
    <t>MARION BRANCH</t>
  </si>
  <si>
    <t>743700-99999-2003.gz</t>
  </si>
  <si>
    <t>SMALL FIRE</t>
  </si>
  <si>
    <t>ELK LAKE</t>
  </si>
  <si>
    <t>SNAKE</t>
  </si>
  <si>
    <t>TARKILN RIGDE</t>
  </si>
  <si>
    <t>27 days 00:00:00.000000000</t>
  </si>
  <si>
    <t>723260-13891-2008.gz</t>
  </si>
  <si>
    <t>ERNEST KUNZLER</t>
  </si>
  <si>
    <t>724796-99999-1992.gz</t>
  </si>
  <si>
    <t>ALUM</t>
  </si>
  <si>
    <t>722721-93063-2011.gz</t>
  </si>
  <si>
    <t>KALUKTAVIK RIVER</t>
  </si>
  <si>
    <t>701045-26649-2010.gz</t>
  </si>
  <si>
    <t>LONG BAY</t>
  </si>
  <si>
    <t>723037-93765-2009.gz</t>
  </si>
  <si>
    <t>VINEYARD</t>
  </si>
  <si>
    <t xml:space="preserve">BROADHURST IC / TC FIRE  </t>
  </si>
  <si>
    <t>HOLSTEN</t>
  </si>
  <si>
    <t>SOUTH BANK ROAD</t>
  </si>
  <si>
    <t>PIXDERCK1</t>
  </si>
  <si>
    <t>FY2002-WASHINGTON-058</t>
  </si>
  <si>
    <t>ECKERT</t>
  </si>
  <si>
    <t>720323-93947-2015.gz</t>
  </si>
  <si>
    <t>722245-03882-2008.gz</t>
  </si>
  <si>
    <t>BIG SKY LANE</t>
  </si>
  <si>
    <t>723145-03810-2000.gz</t>
  </si>
  <si>
    <t>ROCKY BOY</t>
  </si>
  <si>
    <t>HINTON</t>
  </si>
  <si>
    <t>724243-03849-2000.gz</t>
  </si>
  <si>
    <t>242 AND STORMS RD. FIRE</t>
  </si>
  <si>
    <t>723035-99999-1999.gz</t>
  </si>
  <si>
    <t>OAKDALE RD / SHAFFER RD 8</t>
  </si>
  <si>
    <t>IH10  MM 334  EB</t>
  </si>
  <si>
    <t>725196-14717-1996.gz</t>
  </si>
  <si>
    <t>MR 2</t>
  </si>
  <si>
    <t>WEST FOREST TRAIL</t>
  </si>
  <si>
    <t>997802-99999-2010.gz</t>
  </si>
  <si>
    <t>SWR-20150926-003</t>
  </si>
  <si>
    <t>SOLDIER PASS</t>
  </si>
  <si>
    <t>MCCUISTION FIRE</t>
  </si>
  <si>
    <t>723074-99999-2000.gz</t>
  </si>
  <si>
    <t>FY2001-TOOMBS-089</t>
  </si>
  <si>
    <t>WOLFPEN BRANCH</t>
  </si>
  <si>
    <t>724125-03859-2002.gz</t>
  </si>
  <si>
    <t>723656-23049-2012.gz</t>
  </si>
  <si>
    <t>MARSHALL COMMAND</t>
  </si>
  <si>
    <t>722485-99999-2002.gz</t>
  </si>
  <si>
    <t>TILK HOLLOW</t>
  </si>
  <si>
    <t>724454-93996-2007.gz</t>
  </si>
  <si>
    <t>TUMBLE</t>
  </si>
  <si>
    <t>SW 152 ST</t>
  </si>
  <si>
    <t>FY2002-DOOLY-013</t>
  </si>
  <si>
    <t>HALMA FIRE</t>
  </si>
  <si>
    <t>JOH9784035</t>
  </si>
  <si>
    <t>JOHN L RD. FIRE</t>
  </si>
  <si>
    <t>726227-94790-2007.gz</t>
  </si>
  <si>
    <t>WEST CANYON</t>
  </si>
  <si>
    <t>724796-94128-2001.gz</t>
  </si>
  <si>
    <t>725755-99999-2004.gz</t>
  </si>
  <si>
    <t>EMRALD LN</t>
  </si>
  <si>
    <t>HENDERSON - 136</t>
  </si>
  <si>
    <t>FY2000-RICHMOND-060</t>
  </si>
  <si>
    <t>JOSE</t>
  </si>
  <si>
    <t>725050-04781-2005.gz</t>
  </si>
  <si>
    <t>720609-99999-2012.gz</t>
  </si>
  <si>
    <t>6000 ROCK RD, AL</t>
  </si>
  <si>
    <t>KELLY-JO LN</t>
  </si>
  <si>
    <t>2013-571</t>
  </si>
  <si>
    <t>721044-00448-2013.gz</t>
  </si>
  <si>
    <t>FY2001-APPLING-009</t>
  </si>
  <si>
    <t>SW 27TH STREET(42)</t>
  </si>
  <si>
    <t>722055-12861-2014.gz</t>
  </si>
  <si>
    <t>MINK</t>
  </si>
  <si>
    <t>725150-04725-1997.gz</t>
  </si>
  <si>
    <t>FORK</t>
  </si>
  <si>
    <t>HCR1313A</t>
  </si>
  <si>
    <t>747930-99999-2006.gz</t>
  </si>
  <si>
    <t>FY2012-DECATUR-011</t>
  </si>
  <si>
    <t>727449-04954-2007.gz</t>
  </si>
  <si>
    <t>CAMPBELL #6</t>
  </si>
  <si>
    <t>725945-24283-2006.gz</t>
  </si>
  <si>
    <t>076 STATE 2</t>
  </si>
  <si>
    <t>GRIFFITH RANCH</t>
  </si>
  <si>
    <t>727855-99999-2000.gz</t>
  </si>
  <si>
    <t>FY2012-SPALDING-027</t>
  </si>
  <si>
    <t>720966-00339-2012.gz</t>
  </si>
  <si>
    <t>3000 SH 34</t>
  </si>
  <si>
    <t>722143-53975-2008.gz</t>
  </si>
  <si>
    <t>725525-99999-2001.gz</t>
  </si>
  <si>
    <t>GREEN DAM</t>
  </si>
  <si>
    <t>723110-13873-2009.gz</t>
  </si>
  <si>
    <t>25 MILE CREEK</t>
  </si>
  <si>
    <t>BURK RANCH</t>
  </si>
  <si>
    <t>724645-23070-1999.gz</t>
  </si>
  <si>
    <t>PORCHER SCHOOL</t>
  </si>
  <si>
    <t>1044 RD.</t>
  </si>
  <si>
    <t>GOAT MOUNTAIN</t>
  </si>
  <si>
    <t xml:space="preserve">WILLIAMS </t>
  </si>
  <si>
    <t xml:space="preserve">MCGILL                   </t>
  </si>
  <si>
    <t>MUD CREEK</t>
  </si>
  <si>
    <t>701748-99999-2007.gz</t>
  </si>
  <si>
    <t>07/STATE RD 69-0114</t>
  </si>
  <si>
    <t>747760-03818-2010.gz</t>
  </si>
  <si>
    <t>LINDEN - 6153</t>
  </si>
  <si>
    <t>POTRERO</t>
  </si>
  <si>
    <t>723926-99999-1998.gz</t>
  </si>
  <si>
    <t>727445-99999-1998.gz</t>
  </si>
  <si>
    <t>TUSAS</t>
  </si>
  <si>
    <t>723677-23054-1996.gz</t>
  </si>
  <si>
    <t>3.5 SOUTH OF NEEDMORE</t>
  </si>
  <si>
    <t>SHULL RIDGE</t>
  </si>
  <si>
    <t>727890-94197-2009.gz</t>
  </si>
  <si>
    <t>SIERRA</t>
  </si>
  <si>
    <t>720935-99999-2012.gz</t>
  </si>
  <si>
    <t xml:space="preserve">TYREE                    </t>
  </si>
  <si>
    <t>724810-23203-1995.gz</t>
  </si>
  <si>
    <t>747812-63813-2008.gz</t>
  </si>
  <si>
    <t>REIMER 2</t>
  </si>
  <si>
    <t>TOWER</t>
  </si>
  <si>
    <t>722683-93083-2007.gz</t>
  </si>
  <si>
    <t>FY2011-MERIWETHER-045</t>
  </si>
  <si>
    <t>BETSY BEAVER</t>
  </si>
  <si>
    <t>NIGHTHAWK CHILDREN</t>
  </si>
  <si>
    <t>726077-99999-1999.gz</t>
  </si>
  <si>
    <t>HENDERSON - 321</t>
  </si>
  <si>
    <t>1620 HWY 36</t>
  </si>
  <si>
    <t>720771-00276-2011.gz</t>
  </si>
  <si>
    <t>724080-13739-2001.gz</t>
  </si>
  <si>
    <t>FY2015-JEFFERSON-044</t>
  </si>
  <si>
    <t>720289-63836-2015.gz</t>
  </si>
  <si>
    <t>FY2011-UPSON-049</t>
  </si>
  <si>
    <t>NWR-20140704-001</t>
  </si>
  <si>
    <t>MORONGO #1`</t>
  </si>
  <si>
    <t>RATCHET</t>
  </si>
  <si>
    <t>726544-99999-1999.gz</t>
  </si>
  <si>
    <t>TH1907</t>
  </si>
  <si>
    <t>BIG SPOT</t>
  </si>
  <si>
    <t>LIT.PIN.3</t>
  </si>
  <si>
    <t>726404-99999-2003.gz</t>
  </si>
  <si>
    <t>744666-53944-2011.gz</t>
  </si>
  <si>
    <t>GERMANY</t>
  </si>
  <si>
    <t>725086-99999-2003.gz</t>
  </si>
  <si>
    <t>DOWNWIND</t>
  </si>
  <si>
    <t>720923-00310-2013.gz</t>
  </si>
  <si>
    <t>723677-23054-1994.gz</t>
  </si>
  <si>
    <t>722068-53860-2006.gz</t>
  </si>
  <si>
    <t>FRED'S FIRST</t>
  </si>
  <si>
    <t>LOGGING UNIT</t>
  </si>
  <si>
    <t>BLACK DIRT RD (19-5)</t>
  </si>
  <si>
    <t>724635-23067-1994.gz</t>
  </si>
  <si>
    <t>GARFIELD ASSIST 6</t>
  </si>
  <si>
    <t>RESERVATION</t>
  </si>
  <si>
    <t>720272-94282-2015.gz</t>
  </si>
  <si>
    <t>FY2002-THOMAS-065</t>
  </si>
  <si>
    <t>723657-99999-2002.gz</t>
  </si>
  <si>
    <t>ALPINE FIRES</t>
  </si>
  <si>
    <t>722868-99999-1992.gz</t>
  </si>
  <si>
    <t>LOBO FIRE</t>
  </si>
  <si>
    <t>727555-94956-2013.gz</t>
  </si>
  <si>
    <t xml:space="preserve">GAS                      </t>
  </si>
  <si>
    <t>725087-14752-2006.gz</t>
  </si>
  <si>
    <t>2011-79</t>
  </si>
  <si>
    <t>BRUSHY CREEK</t>
  </si>
  <si>
    <t>720616-00207-2013.gz</t>
  </si>
  <si>
    <t>MS0    0808-3620323001</t>
  </si>
  <si>
    <t>724117-63802-2007.gz</t>
  </si>
  <si>
    <t>STEWARD</t>
  </si>
  <si>
    <t>720348-63886-2008.gz</t>
  </si>
  <si>
    <t>723700-99999-1998.gz</t>
  </si>
  <si>
    <t>HOLY CITY</t>
  </si>
  <si>
    <t>723550-13945-2010.gz</t>
  </si>
  <si>
    <t>OTTER</t>
  </si>
  <si>
    <t>FITNESS</t>
  </si>
  <si>
    <t>747950-12867-2011.gz</t>
  </si>
  <si>
    <t>WISE</t>
  </si>
  <si>
    <t>HOLT</t>
  </si>
  <si>
    <t>725869-99999-2002.gz</t>
  </si>
  <si>
    <t>TECOLOTE</t>
  </si>
  <si>
    <t>726227-94790-2009.gz</t>
  </si>
  <si>
    <t>BELLVILLE/ KIDD</t>
  </si>
  <si>
    <t>CARBON</t>
  </si>
  <si>
    <t>721018-99999-2013.gz</t>
  </si>
  <si>
    <t>RUGBY CREEK</t>
  </si>
  <si>
    <t>727755-24112-1994.gz</t>
  </si>
  <si>
    <t>722340-13865-1997.gz</t>
  </si>
  <si>
    <t>WALZEL FIRE</t>
  </si>
  <si>
    <t>REGENCY GAS SERVICES</t>
  </si>
  <si>
    <t>727735-24139-1994.gz</t>
  </si>
  <si>
    <t>911780-22551-2010.gz</t>
  </si>
  <si>
    <t>CHA CHA</t>
  </si>
  <si>
    <t>PALMERTNK2</t>
  </si>
  <si>
    <t>0131141 GRASS &amp; BRUSH PILE FIRE</t>
  </si>
  <si>
    <t>BELCHER BARN/PASTURE</t>
  </si>
  <si>
    <t>720321-04893-2007.gz</t>
  </si>
  <si>
    <t>SHAWBORO RAILROAD #1</t>
  </si>
  <si>
    <t>FLAG MOUNTAIN #4</t>
  </si>
  <si>
    <t>723273-99999-2002.gz</t>
  </si>
  <si>
    <t>LIVINGSTON - 630</t>
  </si>
  <si>
    <t>725146-54773-2011.gz</t>
  </si>
  <si>
    <t>720907-99999-2015.gz</t>
  </si>
  <si>
    <t>085 SIMMONS ROAD</t>
  </si>
  <si>
    <t>HUMBOLDT</t>
  </si>
  <si>
    <t>725805-24172-2005.gz</t>
  </si>
  <si>
    <t>SEARIMHELP</t>
  </si>
  <si>
    <t>994260-99999-1997.gz</t>
  </si>
  <si>
    <t>DOF290</t>
  </si>
  <si>
    <t>AMYOTTE</t>
  </si>
  <si>
    <t>130450-11043-11132015-1353</t>
  </si>
  <si>
    <t>PRYOR GAP</t>
  </si>
  <si>
    <t>726561-99999-2003.gz</t>
  </si>
  <si>
    <t>723444-03978-2006.gz</t>
  </si>
  <si>
    <t xml:space="preserve">GAY                      </t>
  </si>
  <si>
    <t>BLUEBERRY LANE</t>
  </si>
  <si>
    <t xml:space="preserve">COLLINS                  </t>
  </si>
  <si>
    <t>724237-99999-2004.gz</t>
  </si>
  <si>
    <t>NONE</t>
  </si>
  <si>
    <t>HEREFORD</t>
  </si>
  <si>
    <t>GREASYSCHL</t>
  </si>
  <si>
    <t>EL RIDGE</t>
  </si>
  <si>
    <t xml:space="preserve">INC 27424                </t>
  </si>
  <si>
    <t xml:space="preserve">NEW AV / BUENA VISTA AV  </t>
  </si>
  <si>
    <t>726426-99999-2002.gz</t>
  </si>
  <si>
    <t>WILLIAMS</t>
  </si>
  <si>
    <t>724973-93203-2012.gz</t>
  </si>
  <si>
    <t>FY2014-CHARLTON-036</t>
  </si>
  <si>
    <t>A00023-63890-2014.gz</t>
  </si>
  <si>
    <t>SALCHA MARINA</t>
  </si>
  <si>
    <t>702650-26407-2008.gz</t>
  </si>
  <si>
    <t>PETE HARRIS ROAD</t>
  </si>
  <si>
    <t>F98$</t>
  </si>
  <si>
    <t>GATEWAY</t>
  </si>
  <si>
    <t>FY2001-NEWTON-048</t>
  </si>
  <si>
    <t>MAXIEFIELD</t>
  </si>
  <si>
    <t>725705-99999-2003.gz</t>
  </si>
  <si>
    <t>HELMER</t>
  </si>
  <si>
    <t>720634-00220-2013.gz</t>
  </si>
  <si>
    <t>722225-03855-2008.gz</t>
  </si>
  <si>
    <t>ROSS FORK</t>
  </si>
  <si>
    <t>CHUCKWALLA</t>
  </si>
  <si>
    <t>725625-94040-2012.gz</t>
  </si>
  <si>
    <t>PATTEN</t>
  </si>
  <si>
    <t>726196-14610-1992.gz</t>
  </si>
  <si>
    <t>ALKALI CREEK</t>
  </si>
  <si>
    <t>727687-94028-2015.gz</t>
  </si>
  <si>
    <t>0385 BUCKHORN</t>
  </si>
  <si>
    <t>CHINESE</t>
  </si>
  <si>
    <t>12-0000070</t>
  </si>
  <si>
    <t>TRAVELER'S HOME #2</t>
  </si>
  <si>
    <t>727735-24139-1992.gz</t>
  </si>
  <si>
    <t>726415-99999-2000.gz</t>
  </si>
  <si>
    <t>OLD HOUSE</t>
  </si>
  <si>
    <t>723156-63812-2013.gz</t>
  </si>
  <si>
    <t>SUN DEVIL</t>
  </si>
  <si>
    <t>723723-23184-2005.gz</t>
  </si>
  <si>
    <t>NANCE</t>
  </si>
  <si>
    <t>725625-94040-2008.gz</t>
  </si>
  <si>
    <t>LOCKWOOD</t>
  </si>
  <si>
    <t>JACKSON</t>
  </si>
  <si>
    <t>720965-13910-2012.gz</t>
  </si>
  <si>
    <t>724400-13995-1994.gz</t>
  </si>
  <si>
    <t>LOADER FIRE</t>
  </si>
  <si>
    <t>CLARENDON COLLEGE FIRE</t>
  </si>
  <si>
    <t>FY2001-ATKINSON-068</t>
  </si>
  <si>
    <t>GOON</t>
  </si>
  <si>
    <t>722448-13972-2014.gz</t>
  </si>
  <si>
    <t>BURNED BOTTLE</t>
  </si>
  <si>
    <t>723564-53908-2008.gz</t>
  </si>
  <si>
    <t>PER8081251</t>
  </si>
  <si>
    <t>723400-03952-2014.gz</t>
  </si>
  <si>
    <t>723745-93139-1993.gz</t>
  </si>
  <si>
    <t>LONG ROAD</t>
  </si>
  <si>
    <t>726387-14850-2005.gz</t>
  </si>
  <si>
    <t>E. US 83</t>
  </si>
  <si>
    <t>720584-00181-2014.gz</t>
  </si>
  <si>
    <t>VOLCANOVILLE</t>
  </si>
  <si>
    <t>724237-99999-2001.gz</t>
  </si>
  <si>
    <t>DOF081</t>
  </si>
  <si>
    <t>DUCK DUMP</t>
  </si>
  <si>
    <t>723347-03809-2011.gz</t>
  </si>
  <si>
    <t>5118 SAVANAH GREEN</t>
  </si>
  <si>
    <t>BRADY 2 FIRE</t>
  </si>
  <si>
    <t>RL554</t>
  </si>
  <si>
    <t xml:space="preserve">GIFFORD                  </t>
  </si>
  <si>
    <t>GOOSE CREEK</t>
  </si>
  <si>
    <t>724625-99999-2000.gz</t>
  </si>
  <si>
    <t>724106-13728-2008.gz</t>
  </si>
  <si>
    <t>LIVINGSTON - 565</t>
  </si>
  <si>
    <t>MS0    0808-4230511003</t>
  </si>
  <si>
    <t>722111-63847-2008.gz</t>
  </si>
  <si>
    <t>FM 390 W</t>
  </si>
  <si>
    <t>A00002-53928-2015.gz</t>
  </si>
  <si>
    <t>PONCA DRIVE</t>
  </si>
  <si>
    <t>724530-13969-2010.gz</t>
  </si>
  <si>
    <t xml:space="preserve">SILVA                    </t>
  </si>
  <si>
    <t>724833-99999-2001.gz</t>
  </si>
  <si>
    <t>19855 180TH ST., IOWA</t>
  </si>
  <si>
    <t>722274-54939-2010.gz</t>
  </si>
  <si>
    <t>FY2012-POLK-020</t>
  </si>
  <si>
    <t>720603-00195-2010.gz</t>
  </si>
  <si>
    <t>NSHIELDS</t>
  </si>
  <si>
    <t>722174-23097-2007.gz</t>
  </si>
  <si>
    <t>723556-99999-1997.gz</t>
  </si>
  <si>
    <t>722085-93831-2015.gz</t>
  </si>
  <si>
    <t>ALL DAY</t>
  </si>
  <si>
    <t>726517-94039-2014.gz</t>
  </si>
  <si>
    <t>722926-03154-2013.gz</t>
  </si>
  <si>
    <t>GRASS FIRE ON 34</t>
  </si>
  <si>
    <t>FY2014-TROUP-016</t>
  </si>
  <si>
    <t>726920-24230-2005.gz</t>
  </si>
  <si>
    <t>RACING RIDGE</t>
  </si>
  <si>
    <t>SHEEP CREEK 3 WFU</t>
  </si>
  <si>
    <t>46 days 00:00:00.000000000</t>
  </si>
  <si>
    <t>TOMSIC</t>
  </si>
  <si>
    <t>723439-53918-2007.gz</t>
  </si>
  <si>
    <t>725786-24151-1994.gz</t>
  </si>
  <si>
    <t>ROAD 60</t>
  </si>
  <si>
    <t>720377-13917-2007.gz</t>
  </si>
  <si>
    <t>ABANDONED HOUSE (35) 0472</t>
  </si>
  <si>
    <t>722319-53943-2013.gz</t>
  </si>
  <si>
    <t xml:space="preserve">LINDSEY                  </t>
  </si>
  <si>
    <t>FY2002-STEPHENS-031</t>
  </si>
  <si>
    <t>FY2012-COFFEE-040</t>
  </si>
  <si>
    <t xml:space="preserve">GOLDSMITH                </t>
  </si>
  <si>
    <t>A00031-03725-2006.gz</t>
  </si>
  <si>
    <t>FY2001-DODGE-087</t>
  </si>
  <si>
    <t>720868-00294-2012.gz</t>
  </si>
  <si>
    <t>CHANDLER CREEK</t>
  </si>
  <si>
    <t>MARKALLEY</t>
  </si>
  <si>
    <t>727436-04863-2008.gz</t>
  </si>
  <si>
    <t>VIADUCT</t>
  </si>
  <si>
    <t>726700-99999-1997.gz</t>
  </si>
  <si>
    <t>LOBO</t>
  </si>
  <si>
    <t>723625-93057-2000.gz</t>
  </si>
  <si>
    <t>HEATH CREEK</t>
  </si>
  <si>
    <t>BRUSH FIRE LAWRENCE LN</t>
  </si>
  <si>
    <t>CARMELLIA AV / PALM AV</t>
  </si>
  <si>
    <t>724815-23257-2012.gz</t>
  </si>
  <si>
    <t>132HIWAY</t>
  </si>
  <si>
    <t xml:space="preserve">PEPPER                   </t>
  </si>
  <si>
    <t>UP</t>
  </si>
  <si>
    <t>744653-63814-2012.gz</t>
  </si>
  <si>
    <t>725109-99999-2004.gz</t>
  </si>
  <si>
    <t>CPA</t>
  </si>
  <si>
    <t>GRAYS CREEK</t>
  </si>
  <si>
    <t>WILDLAND FIRE</t>
  </si>
  <si>
    <t>722042-53978-2009.gz</t>
  </si>
  <si>
    <t>WASHINGTON</t>
  </si>
  <si>
    <t>722728-03196-2009.gz</t>
  </si>
  <si>
    <t>MAGNOLIA LANDING</t>
  </si>
  <si>
    <t>720603-00195-2012.gz</t>
  </si>
  <si>
    <t>FY2003-TWIGGS-006</t>
  </si>
  <si>
    <t>994420-99999-1998.gz</t>
  </si>
  <si>
    <t>MALLIE</t>
  </si>
  <si>
    <t>UNNAMED FIRE 3752</t>
  </si>
  <si>
    <t>724828-93241-2007.gz</t>
  </si>
  <si>
    <t>726190-99999-1997.gz</t>
  </si>
  <si>
    <t>THOMPSON PASS</t>
  </si>
  <si>
    <t>SHREDDED DOUG FIR</t>
  </si>
  <si>
    <t>BLOWN OVER</t>
  </si>
  <si>
    <t>723565-03959-2014.gz</t>
  </si>
  <si>
    <t>SUN VALLEY'S BACK</t>
  </si>
  <si>
    <t>PIONEER</t>
  </si>
  <si>
    <t>724620-23061-1994.gz</t>
  </si>
  <si>
    <t>FY2014-BLECKLEY-001</t>
  </si>
  <si>
    <t>720962-00337-2013.gz</t>
  </si>
  <si>
    <t>CENTRAL</t>
  </si>
  <si>
    <t>3 TRAILER</t>
  </si>
  <si>
    <t>720342-53947-2012.gz</t>
  </si>
  <si>
    <t>723106-13744-2009.gz</t>
  </si>
  <si>
    <t>PUMPKINFIELD BRANCH</t>
  </si>
  <si>
    <t>GRAHAM FIRE</t>
  </si>
  <si>
    <t>FY2011-MITCHELL-101</t>
  </si>
  <si>
    <t>724386-14835-2004.gz</t>
  </si>
  <si>
    <t>MS0    0808-3770530001</t>
  </si>
  <si>
    <t>SPARKY'S ROAD</t>
  </si>
  <si>
    <t>726626-04864-2007.gz</t>
  </si>
  <si>
    <t>OVERKILL</t>
  </si>
  <si>
    <t>998187-99999-2014.gz</t>
  </si>
  <si>
    <t>MUCKENFUS FIRE</t>
  </si>
  <si>
    <t>726876-99999-1999.gz</t>
  </si>
  <si>
    <t>CLOSED BRIDGE</t>
  </si>
  <si>
    <t>723174-93783-2014.gz</t>
  </si>
  <si>
    <t>FY2001-TATTNALL-069</t>
  </si>
  <si>
    <t>720716-99999-2011.gz</t>
  </si>
  <si>
    <t>ETHANOL GRASS FIRE</t>
  </si>
  <si>
    <t>ALSAKER</t>
  </si>
  <si>
    <t>303 CR 2629</t>
  </si>
  <si>
    <t>720579-99999-2011.gz</t>
  </si>
  <si>
    <t xml:space="preserve">BUCKHORN                 </t>
  </si>
  <si>
    <t>RAWHIDE</t>
  </si>
  <si>
    <t>E. MCDONALD COW PASTURE</t>
  </si>
  <si>
    <t>725146-99999-2004.gz</t>
  </si>
  <si>
    <t>ECR-20120703-002</t>
  </si>
  <si>
    <t>722265-13821-2012.gz</t>
  </si>
  <si>
    <t>CWEI BATTERY 8</t>
  </si>
  <si>
    <t>722201-03723-2007.gz</t>
  </si>
  <si>
    <t>THE FOX HILL FIRE</t>
  </si>
  <si>
    <t>727790-24146-2002.gz</t>
  </si>
  <si>
    <t>725514-03757-2007.gz</t>
  </si>
  <si>
    <t>MEC</t>
  </si>
  <si>
    <t>FY2001-CLINCH-004</t>
  </si>
  <si>
    <t>726225-64776-2010.gz</t>
  </si>
  <si>
    <t>LIVINGSTON - 262</t>
  </si>
  <si>
    <t>HOT STRAW</t>
  </si>
  <si>
    <t>722079-99999-1997.gz</t>
  </si>
  <si>
    <t>727505-99999-1996.gz</t>
  </si>
  <si>
    <t>727573-94928-2012.gz</t>
  </si>
  <si>
    <t>722014-12818-2006.gz</t>
  </si>
  <si>
    <t>722050-12815-2006.gz</t>
  </si>
  <si>
    <t>GRASS FIRE CR 653</t>
  </si>
  <si>
    <t>BARBWIRE</t>
  </si>
  <si>
    <t>FY2014-PULASKI-021</t>
  </si>
  <si>
    <t>726449-04891-2010.gz</t>
  </si>
  <si>
    <t>FARMER FIRE</t>
  </si>
  <si>
    <t>726517-94039-2007.gz</t>
  </si>
  <si>
    <t xml:space="preserve">HOSKINS                  </t>
  </si>
  <si>
    <t>FY2011-TWIGGS-048</t>
  </si>
  <si>
    <t>FRAMETOWN</t>
  </si>
  <si>
    <t>WALDON</t>
  </si>
  <si>
    <t>MP11HWY134</t>
  </si>
  <si>
    <t>87 days 00:00:00.000000000</t>
  </si>
  <si>
    <t>724935-93228-2008.gz</t>
  </si>
  <si>
    <t>ANDERSON ROAD FIRE</t>
  </si>
  <si>
    <t>723183-13877-2007.gz</t>
  </si>
  <si>
    <t>CREEPER</t>
  </si>
  <si>
    <t>MIDDLETON</t>
  </si>
  <si>
    <t>NAU JALAG</t>
  </si>
  <si>
    <t>WILCOXEN</t>
  </si>
  <si>
    <t>GARRENTON ROAD FIRE</t>
  </si>
  <si>
    <t>NORTH 55</t>
  </si>
  <si>
    <t>722363-23098-2011.gz</t>
  </si>
  <si>
    <t>4973 N.U.S. HWY.281</t>
  </si>
  <si>
    <t>722046-99999-2005.gz</t>
  </si>
  <si>
    <t>IH 35 MM 99</t>
  </si>
  <si>
    <t>724462-03073-2007.gz</t>
  </si>
  <si>
    <t>BUFFALO CREEK</t>
  </si>
  <si>
    <t>PARTRIDGE</t>
  </si>
  <si>
    <t>724117-63802-2012.gz</t>
  </si>
  <si>
    <t>FY2015-JEFFERSON-012</t>
  </si>
  <si>
    <t>723034-93747-2006.gz</t>
  </si>
  <si>
    <t>A06854</t>
  </si>
  <si>
    <t>VALADECES</t>
  </si>
  <si>
    <t>LANSFORD RANCH</t>
  </si>
  <si>
    <t xml:space="preserve">ROADSIDE #8              </t>
  </si>
  <si>
    <t>472 &amp; HELIPORT</t>
  </si>
  <si>
    <t>720579-99999-2009.gz</t>
  </si>
  <si>
    <t>OWL</t>
  </si>
  <si>
    <t>TAYLOR-2</t>
  </si>
  <si>
    <t>725463-14966-2006.gz</t>
  </si>
  <si>
    <t>10-1017</t>
  </si>
  <si>
    <t>722159-12980-2010.gz</t>
  </si>
  <si>
    <t>HOLY GROUN</t>
  </si>
  <si>
    <t>706 RIVER DOWN RD</t>
  </si>
  <si>
    <t>725086-54734-2014.gz</t>
  </si>
  <si>
    <t>HALU CREEK</t>
  </si>
  <si>
    <t>701793-26524-2013.gz</t>
  </si>
  <si>
    <t>992120-99999-1999.gz</t>
  </si>
  <si>
    <t>724117-99999-2001.gz</t>
  </si>
  <si>
    <t>POWER POLE FIRE</t>
  </si>
  <si>
    <t>BEAR LAKE WEST</t>
  </si>
  <si>
    <t>CHEROKE</t>
  </si>
  <si>
    <t>724973-99999-2001.gz</t>
  </si>
  <si>
    <t>PARKS</t>
  </si>
  <si>
    <t>HALLOWEEN 2</t>
  </si>
  <si>
    <t>720589-00185-2012.gz</t>
  </si>
  <si>
    <t>FM 925 W #1</t>
  </si>
  <si>
    <t>BRIGGS</t>
  </si>
  <si>
    <t>724645-23070-1998.gz</t>
  </si>
  <si>
    <t>PISTOL RIVER</t>
  </si>
  <si>
    <t>MS0    1010-3770308005</t>
  </si>
  <si>
    <t>724094-99999-1997.gz</t>
  </si>
  <si>
    <t>BLUEWATER RD FIRE</t>
  </si>
  <si>
    <t>SPENCER RIDGE #3</t>
  </si>
  <si>
    <t>720455-00145-2014.gz</t>
  </si>
  <si>
    <t>722154-53885-2009.gz</t>
  </si>
  <si>
    <t>724220-93820-2002.gz</t>
  </si>
  <si>
    <t>726417-99999-2004.gz</t>
  </si>
  <si>
    <t>725194-54778-2010.gz</t>
  </si>
  <si>
    <t xml:space="preserve">"KING,M"                 </t>
  </si>
  <si>
    <t>CHARLES CIRCLE, AL</t>
  </si>
  <si>
    <t>723439-53918-2009.gz</t>
  </si>
  <si>
    <t>PIT2</t>
  </si>
  <si>
    <t>BOTTLE ROCKET BLAZE</t>
  </si>
  <si>
    <t>723013-13748-1997.gz</t>
  </si>
  <si>
    <t>FY2001-POLK-008</t>
  </si>
  <si>
    <t>STATE35</t>
  </si>
  <si>
    <t>WOODLEY</t>
  </si>
  <si>
    <t>GREEN MT.</t>
  </si>
  <si>
    <t>CALHOUN</t>
  </si>
  <si>
    <t>LUCILLE</t>
  </si>
  <si>
    <t>RABBIT BOP FIRE</t>
  </si>
  <si>
    <t>722134-63822-2007.gz</t>
  </si>
  <si>
    <t xml:space="preserve">FILL                     </t>
  </si>
  <si>
    <t>DRY LAKE</t>
  </si>
  <si>
    <t>MINE SHAFT</t>
  </si>
  <si>
    <t>DOMINGO</t>
  </si>
  <si>
    <t>723656-23049-1994.gz</t>
  </si>
  <si>
    <t>POWER POLE</t>
  </si>
  <si>
    <t>724058-53818-2012.gz</t>
  </si>
  <si>
    <t>724464-99999-1999.gz</t>
  </si>
  <si>
    <t>RAWLINGS ROAD</t>
  </si>
  <si>
    <t>724037-93728-2012.gz</t>
  </si>
  <si>
    <t>SMITH GL</t>
  </si>
  <si>
    <t>725788-99999-1992.gz</t>
  </si>
  <si>
    <t>994420-99999-2004.gz</t>
  </si>
  <si>
    <t xml:space="preserve">BLACK                    </t>
  </si>
  <si>
    <t>724837-99999-2002.gz</t>
  </si>
  <si>
    <t>722250-13829-2010.gz</t>
  </si>
  <si>
    <t xml:space="preserve">B.I.A.#1                 </t>
  </si>
  <si>
    <t>723890-93193-2004.gz</t>
  </si>
  <si>
    <t>692704-99999-1994.gz</t>
  </si>
  <si>
    <t>OLD FIRE</t>
  </si>
  <si>
    <t>722677-03027-2006.gz</t>
  </si>
  <si>
    <t>RISINGER</t>
  </si>
  <si>
    <t>MP351</t>
  </si>
  <si>
    <t>723627-23081-1994.gz</t>
  </si>
  <si>
    <t>HELLS KITCHEN</t>
  </si>
  <si>
    <t>SCHOOLHOUSE</t>
  </si>
  <si>
    <t>FORBESTOWN</t>
  </si>
  <si>
    <t>726387-14850-1992.gz</t>
  </si>
  <si>
    <t>723429-99999-2003.gz</t>
  </si>
  <si>
    <t xml:space="preserve">FKU 5256                 </t>
  </si>
  <si>
    <t>III-A</t>
  </si>
  <si>
    <t>725825-24121-1997.gz</t>
  </si>
  <si>
    <t>TURKEY RIDGE</t>
  </si>
  <si>
    <t>724457-03938-2012.gz</t>
  </si>
  <si>
    <t>COLUMBIA FALLS</t>
  </si>
  <si>
    <t>724509-99999-2005.gz</t>
  </si>
  <si>
    <t>743700-14715-2007.gz</t>
  </si>
  <si>
    <t>TEXAS ST.</t>
  </si>
  <si>
    <t>A00019-53969-2011.gz</t>
  </si>
  <si>
    <t>ALL T-3849</t>
  </si>
  <si>
    <t>727810-24243-1996.gz</t>
  </si>
  <si>
    <t>HUMMING BIRD</t>
  </si>
  <si>
    <t xml:space="preserve">FKU 4704                 </t>
  </si>
  <si>
    <t>S/R CHAPTER</t>
  </si>
  <si>
    <t>723658-23090-2013.gz</t>
  </si>
  <si>
    <t>723566-93950-2010.gz</t>
  </si>
  <si>
    <t>JENSEN</t>
  </si>
  <si>
    <t>STAR FORK</t>
  </si>
  <si>
    <t>747805-63818-2007.gz</t>
  </si>
  <si>
    <t>723265-03847-2002.gz</t>
  </si>
  <si>
    <t>BRADEEN</t>
  </si>
  <si>
    <t>726667-99999-2000.gz</t>
  </si>
  <si>
    <t xml:space="preserve">SCHELL                   </t>
  </si>
  <si>
    <t>724920-23237-2000.gz</t>
  </si>
  <si>
    <t>747804-99999-2002.gz</t>
  </si>
  <si>
    <t>BOB PHELAN</t>
  </si>
  <si>
    <t>NORTH HWY 18</t>
  </si>
  <si>
    <t>722656-23040-2009.gz</t>
  </si>
  <si>
    <t>LITTLE WILD HORSE</t>
  </si>
  <si>
    <t>724795-99999-1996.gz</t>
  </si>
  <si>
    <t>720175-53919-2015.gz</t>
  </si>
  <si>
    <t>FY2000-LIBERTY-064</t>
  </si>
  <si>
    <t>SACRED ROCK</t>
  </si>
  <si>
    <t>FOUR CORNERS</t>
  </si>
  <si>
    <t>TRI-RANCH COMPLEX</t>
  </si>
  <si>
    <t>HOT DAY</t>
  </si>
  <si>
    <t>723044-99999-1999.gz</t>
  </si>
  <si>
    <t>FW</t>
  </si>
  <si>
    <t>720288-03711-2009.gz</t>
  </si>
  <si>
    <t>CIERRA</t>
  </si>
  <si>
    <t>FY2015-COFFEE-068</t>
  </si>
  <si>
    <t>722062-63842-2015.gz</t>
  </si>
  <si>
    <t>724080-13739-1999.gz</t>
  </si>
  <si>
    <t>724354-63815-2010.gz</t>
  </si>
  <si>
    <t>723230-03856-2001.gz</t>
  </si>
  <si>
    <t>SCOTT/FLORIDA RD</t>
  </si>
  <si>
    <t>WHISKEY ROCK</t>
  </si>
  <si>
    <t>OWINZA</t>
  </si>
  <si>
    <t>726816-04110-2011.gz</t>
  </si>
  <si>
    <t>FY2012-TROUP-009</t>
  </si>
  <si>
    <t>NORTH CRAWFORD</t>
  </si>
  <si>
    <t>725775-04111-2007.gz</t>
  </si>
  <si>
    <t>722103-99999-1997.gz</t>
  </si>
  <si>
    <t>SWR-20140121-008</t>
  </si>
  <si>
    <t>998196-99999-2013.gz</t>
  </si>
  <si>
    <t>IDELBROOK DRIVE</t>
  </si>
  <si>
    <t>723170-13723-2015.gz</t>
  </si>
  <si>
    <t>FY2012-WILCOX-045</t>
  </si>
  <si>
    <t>FY2015-LONG-021</t>
  </si>
  <si>
    <t>720671-00248-2015.gz</t>
  </si>
  <si>
    <t>723625-93057-1997.gz</t>
  </si>
  <si>
    <t>TOUQERVILLE ASST. #1</t>
  </si>
  <si>
    <t>MS0    0909-6540220003</t>
  </si>
  <si>
    <t>747930-99999-2004.gz</t>
  </si>
  <si>
    <t>WARD RESERVOIR</t>
  </si>
  <si>
    <t>726514-99999-2001.gz</t>
  </si>
  <si>
    <t xml:space="preserve">ETERNAL                  </t>
  </si>
  <si>
    <t>HAGGIN FIRE</t>
  </si>
  <si>
    <t>724455-14938-2007.gz</t>
  </si>
  <si>
    <t>724458-99999-1994.gz</t>
  </si>
  <si>
    <t>722789-03192-2012.gz</t>
  </si>
  <si>
    <t>FY2012-GLYNN-008</t>
  </si>
  <si>
    <t>POWERLINE ROAD(03)</t>
  </si>
  <si>
    <t>723405-03930-2007.gz</t>
  </si>
  <si>
    <t>724066-93706-2010.gz</t>
  </si>
  <si>
    <t>300 TANGER DR</t>
  </si>
  <si>
    <t>722104-92806-1999.gz</t>
  </si>
  <si>
    <t>723443-99999-2004.gz</t>
  </si>
  <si>
    <t>AULT</t>
  </si>
  <si>
    <t>723434-99999-2003.gz</t>
  </si>
  <si>
    <t>725958-99999-2005.gz</t>
  </si>
  <si>
    <t>726064-64709-2009.gz</t>
  </si>
  <si>
    <t>MS0    1111-1710302006</t>
  </si>
  <si>
    <t>APPLE DRIVE</t>
  </si>
  <si>
    <t>720456-00146-2013.gz</t>
  </si>
  <si>
    <t>RINCON 1</t>
  </si>
  <si>
    <t>745056-99999-2003.gz</t>
  </si>
  <si>
    <t>724243-03849-2003.gz</t>
  </si>
  <si>
    <t>724105-99999-2002.gz</t>
  </si>
  <si>
    <t>RT. 18/MEATHOUSE FK.</t>
  </si>
  <si>
    <t>724175-99999-2002.gz</t>
  </si>
  <si>
    <t>DAVIS BRANCH RD 2</t>
  </si>
  <si>
    <t>725526-99999-2005.gz</t>
  </si>
  <si>
    <t>PALMER CREEK</t>
  </si>
  <si>
    <t>722354-13927-2013.gz</t>
  </si>
  <si>
    <t>FY2000-CAMDEN-078</t>
  </si>
  <si>
    <t>PIUS</t>
  </si>
  <si>
    <t>HALL RD</t>
  </si>
  <si>
    <t>GREENWAY</t>
  </si>
  <si>
    <t>727890-99999-1998.gz</t>
  </si>
  <si>
    <t>OIL II</t>
  </si>
  <si>
    <t>MAHOGANY RIDGE ROAD</t>
  </si>
  <si>
    <t>TAL SW 65</t>
  </si>
  <si>
    <t>720985-99999-2015.gz</t>
  </si>
  <si>
    <t>DEADWOOD</t>
  </si>
  <si>
    <t>747187-03104-1994.gz</t>
  </si>
  <si>
    <t>GENERAL</t>
  </si>
  <si>
    <t>726508-99999-2000.gz</t>
  </si>
  <si>
    <t>720303-53973-2015.gz</t>
  </si>
  <si>
    <t>LOGY COW</t>
  </si>
  <si>
    <t>725314-99999-1997.gz</t>
  </si>
  <si>
    <t>725625-94040-2013.gz</t>
  </si>
  <si>
    <t>722740-23160-2008.gz</t>
  </si>
  <si>
    <t>DISKMOWER I</t>
  </si>
  <si>
    <t>PETTIGREW</t>
  </si>
  <si>
    <t>722686-23008-2005.gz</t>
  </si>
  <si>
    <t>FISHTRAP #2</t>
  </si>
  <si>
    <t>722444-99999-2004.gz</t>
  </si>
  <si>
    <t xml:space="preserve">CAMP SLO                 </t>
  </si>
  <si>
    <t xml:space="preserve">CRIPPLE                  </t>
  </si>
  <si>
    <t>723965-93209-1995.gz</t>
  </si>
  <si>
    <t>PIEDMONT</t>
  </si>
  <si>
    <t>ASH CREEK HILL</t>
  </si>
  <si>
    <t>15-0202</t>
  </si>
  <si>
    <t>SHURTZCYN</t>
  </si>
  <si>
    <t>PARSNIP</t>
  </si>
  <si>
    <t>GRASS FIRE--FM 906W</t>
  </si>
  <si>
    <t>RAIN</t>
  </si>
  <si>
    <t>727417-99999-2005.gz</t>
  </si>
  <si>
    <t>722784-99999-2005.gz</t>
  </si>
  <si>
    <t>722123-12809-2008.gz</t>
  </si>
  <si>
    <t>PATT</t>
  </si>
  <si>
    <t>EAST 1053</t>
  </si>
  <si>
    <t>722648-03031-2010.gz</t>
  </si>
  <si>
    <t>TRIBBLE</t>
  </si>
  <si>
    <t>PIPELINE</t>
  </si>
  <si>
    <t>74 days 00:00:00.000000000</t>
  </si>
  <si>
    <t>723566-93950-2011.gz</t>
  </si>
  <si>
    <t>FY2002-PULASKI-033</t>
  </si>
  <si>
    <t>FY2013-DODGE-069</t>
  </si>
  <si>
    <t>722039-99999-2002.gz</t>
  </si>
  <si>
    <t>SVS NW 18</t>
  </si>
  <si>
    <t>701748-99999-1994.gz</t>
  </si>
  <si>
    <t>RED WASH</t>
  </si>
  <si>
    <t>724756-23159-2009.gz</t>
  </si>
  <si>
    <t>BAPTIST RD</t>
  </si>
  <si>
    <t>MIDDLE</t>
  </si>
  <si>
    <t>724235-13810-2004.gz</t>
  </si>
  <si>
    <t>747900-13849-2013.gz</t>
  </si>
  <si>
    <t>NAVARRE</t>
  </si>
  <si>
    <t>BUCK CREEK #3</t>
  </si>
  <si>
    <t>BANDY</t>
  </si>
  <si>
    <t>723446-13971-1996.gz</t>
  </si>
  <si>
    <t>LIVINGSTON - 175</t>
  </si>
  <si>
    <t>BARKER RIDGE RD</t>
  </si>
  <si>
    <t>747900-13849-2011.gz</t>
  </si>
  <si>
    <t>HWY 245 PUMPING STATION</t>
  </si>
  <si>
    <t>727500-99999-1995.gz</t>
  </si>
  <si>
    <t>720277-63843-2010.gz</t>
  </si>
  <si>
    <t>BLUEBIRD</t>
  </si>
  <si>
    <t>FY2014-FORSYTH-001</t>
  </si>
  <si>
    <t>FY2000-HARALSON-073</t>
  </si>
  <si>
    <t>SNICKERS G</t>
  </si>
  <si>
    <t>724055-99999-1996.gz</t>
  </si>
  <si>
    <t>LORENZO</t>
  </si>
  <si>
    <t>REID</t>
  </si>
  <si>
    <t>CASTROVILLE</t>
  </si>
  <si>
    <t>745058-23277-2009.gz</t>
  </si>
  <si>
    <t>HOLLY</t>
  </si>
  <si>
    <t>421 CR3075</t>
  </si>
  <si>
    <t>723489-03935-1997.gz</t>
  </si>
  <si>
    <t>726515-94902-2008.gz</t>
  </si>
  <si>
    <t>LITTLEJOHN</t>
  </si>
  <si>
    <t>TARR FIRE</t>
  </si>
  <si>
    <t>727033-14609-2013.gz</t>
  </si>
  <si>
    <t>FY2002-EFFINGHAM-008</t>
  </si>
  <si>
    <t>CR 3798</t>
  </si>
  <si>
    <t>KIRKWOOD/CDF T12 2</t>
  </si>
  <si>
    <t>FY2013-COLQUITT-037</t>
  </si>
  <si>
    <t>722147-53817-2013.gz</t>
  </si>
  <si>
    <t>BURNING BARRELL</t>
  </si>
  <si>
    <t>720288-03711-2010.gz</t>
  </si>
  <si>
    <t>TONKIN</t>
  </si>
  <si>
    <t>RED JACKET</t>
  </si>
  <si>
    <t>724490-99999-2001.gz</t>
  </si>
  <si>
    <t>FY2000-TALIAFERRO-017</t>
  </si>
  <si>
    <t>722115-12871-2006.gz</t>
  </si>
  <si>
    <t>MILLS SPRINGS</t>
  </si>
  <si>
    <t>727790-24146-2012.gz</t>
  </si>
  <si>
    <t>LIAR FIRE</t>
  </si>
  <si>
    <t>722141-03731-2015.gz</t>
  </si>
  <si>
    <t>FY2013-COOK-020</t>
  </si>
  <si>
    <t xml:space="preserve">SNYDER                   </t>
  </si>
  <si>
    <t>S2</t>
  </si>
  <si>
    <t>722547-53942-2007.gz</t>
  </si>
  <si>
    <t>MENDENHALL</t>
  </si>
  <si>
    <t>720347-63877-2010.gz</t>
  </si>
  <si>
    <t>COLE</t>
  </si>
  <si>
    <t>ARNOLD</t>
  </si>
  <si>
    <t>ROYAL FIRE</t>
  </si>
  <si>
    <t xml:space="preserve">MENDOTA #63              </t>
  </si>
  <si>
    <t>724815-99999-2000.gz</t>
  </si>
  <si>
    <t>POSTELLE</t>
  </si>
  <si>
    <t>723447-03918-2009.gz</t>
  </si>
  <si>
    <t>COOKING SMOKER 2</t>
  </si>
  <si>
    <t>FY2002-GORDON-038</t>
  </si>
  <si>
    <t>722151-14794-2007.gz</t>
  </si>
  <si>
    <t>PACK FIRE</t>
  </si>
  <si>
    <t>723144-99999-2004.gz</t>
  </si>
  <si>
    <t>MS0    0808-4550210012</t>
  </si>
  <si>
    <t>723826-99999-1995.gz</t>
  </si>
  <si>
    <t>COW CREEK</t>
  </si>
  <si>
    <t>BLANCHARD AND SHAW</t>
  </si>
  <si>
    <t>723035-99999-2003.gz</t>
  </si>
  <si>
    <t>MM48-10</t>
  </si>
  <si>
    <t>725029-64707-2008.gz</t>
  </si>
  <si>
    <t>GUIJAS MTN</t>
  </si>
  <si>
    <t>821 &amp; S 87</t>
  </si>
  <si>
    <t>720271-03044-2010.gz</t>
  </si>
  <si>
    <t>BLUEJAY</t>
  </si>
  <si>
    <t>I-10 NEAR MP 183</t>
  </si>
  <si>
    <t>722169-03058-2014.gz</t>
  </si>
  <si>
    <t>COOK ASH FIRE</t>
  </si>
  <si>
    <t>TREAD FIRE</t>
  </si>
  <si>
    <t>723575-03950-2015.gz</t>
  </si>
  <si>
    <t>FRUIT STAND FIRE</t>
  </si>
  <si>
    <t>723550-13945-2014.gz</t>
  </si>
  <si>
    <t>EMMERT RANCH</t>
  </si>
  <si>
    <t>723660-23007-2011.gz</t>
  </si>
  <si>
    <t>722255-93842-1998.gz</t>
  </si>
  <si>
    <t>TRUCK DERBY FIRE</t>
  </si>
  <si>
    <t>723046-99999-2002.gz</t>
  </si>
  <si>
    <t>FRANCIS</t>
  </si>
  <si>
    <t>HAZEL</t>
  </si>
  <si>
    <t>SIXMILE</t>
  </si>
  <si>
    <t>HATCHET CREEK HUNT CLUB (01)</t>
  </si>
  <si>
    <t xml:space="preserve">I 5  / HWY 198 57        </t>
  </si>
  <si>
    <t>LITTLE OWL CREEK</t>
  </si>
  <si>
    <t>I-10 NEAR MP 167-TRUCK</t>
  </si>
  <si>
    <t>OLD EL SAUZ RD.</t>
  </si>
  <si>
    <t>BIG MARY</t>
  </si>
  <si>
    <t>727675-99999-2001.gz</t>
  </si>
  <si>
    <t>HEDGECOTH ROAD FIRE</t>
  </si>
  <si>
    <t>723265-03847-2004.gz</t>
  </si>
  <si>
    <t>TINK FIRE</t>
  </si>
  <si>
    <t>BEAR FLAT</t>
  </si>
  <si>
    <t>722131-03713-2007.gz</t>
  </si>
  <si>
    <t>722123-99999-2002.gz</t>
  </si>
  <si>
    <t>BLANCHARD LAKE</t>
  </si>
  <si>
    <t>727735-24139-1998.gz</t>
  </si>
  <si>
    <t>IR#1092</t>
  </si>
  <si>
    <t>811 CR 250</t>
  </si>
  <si>
    <t>722542-03999-2010.gz</t>
  </si>
  <si>
    <t>SARA BROWNFEILD</t>
  </si>
  <si>
    <t>JACOBS ROAD</t>
  </si>
  <si>
    <t>727855-24114-2013.gz</t>
  </si>
  <si>
    <t>CHANCE BAY  (67)</t>
  </si>
  <si>
    <t>747760-03818-2011.gz</t>
  </si>
  <si>
    <t>RIVERVIEW</t>
  </si>
  <si>
    <t>HALTER</t>
  </si>
  <si>
    <t>HIGGINS FIRE</t>
  </si>
  <si>
    <t>726077-14616-2013.gz</t>
  </si>
  <si>
    <t>STOP HOLLOW</t>
  </si>
  <si>
    <t>NATIONAL GUARD ROAD</t>
  </si>
  <si>
    <t>726626-04864-2011.gz</t>
  </si>
  <si>
    <t>BETWEEN</t>
  </si>
  <si>
    <t>PFF</t>
  </si>
  <si>
    <t xml:space="preserve">APACHE CANYON            </t>
  </si>
  <si>
    <t>690020-93218-1994.gz</t>
  </si>
  <si>
    <t>BLACKTOWER FHU</t>
  </si>
  <si>
    <t xml:space="preserve">GARBONI                  </t>
  </si>
  <si>
    <t>722926-03154-2005.gz</t>
  </si>
  <si>
    <t>RUSSON DR.</t>
  </si>
  <si>
    <t>EQUINE</t>
  </si>
  <si>
    <t>720604-00196-2015.gz</t>
  </si>
  <si>
    <t>720604-00196-2011.gz</t>
  </si>
  <si>
    <t>GILLETTE</t>
  </si>
  <si>
    <t>1084-5</t>
  </si>
  <si>
    <t>RAVINES FIRE</t>
  </si>
  <si>
    <t>746930-93737-2010.gz</t>
  </si>
  <si>
    <t>JUNK PILE</t>
  </si>
  <si>
    <t>GIRAFFE SOUTH</t>
  </si>
  <si>
    <t xml:space="preserve">MOUNTAIN                 </t>
  </si>
  <si>
    <t>FIRE IN DITCH</t>
  </si>
  <si>
    <t>CR 340</t>
  </si>
  <si>
    <t xml:space="preserve">SLOANE                   </t>
  </si>
  <si>
    <t>722904-99999-2002.gz</t>
  </si>
  <si>
    <t>CREEP</t>
  </si>
  <si>
    <t>LONG LAKE</t>
  </si>
  <si>
    <t>727827-24110-2003.gz</t>
  </si>
  <si>
    <t>CR302</t>
  </si>
  <si>
    <t>722429-53910-2012.gz</t>
  </si>
  <si>
    <t>726544-04958-2007.gz</t>
  </si>
  <si>
    <t>HWY. 242 S. FIRE</t>
  </si>
  <si>
    <t>PRETTY GLADE RD</t>
  </si>
  <si>
    <t>FY2014-LAURENS-111</t>
  </si>
  <si>
    <t>BO SHEPARD</t>
  </si>
  <si>
    <t>747809-03832-2007.gz</t>
  </si>
  <si>
    <t>HAY MEADOW</t>
  </si>
  <si>
    <t xml:space="preserve">FOWLER                   </t>
  </si>
  <si>
    <t>723087-93735-2006.gz</t>
  </si>
  <si>
    <t>J. BLINDER</t>
  </si>
  <si>
    <t>720624-00211-2012.gz</t>
  </si>
  <si>
    <t>RL 313</t>
  </si>
  <si>
    <t>722788-99999-1993.gz</t>
  </si>
  <si>
    <t>ACR 430</t>
  </si>
  <si>
    <t>MONTMORENCY #1</t>
  </si>
  <si>
    <t>727417-54825-2007.gz</t>
  </si>
  <si>
    <t>SWR-20121021-001</t>
  </si>
  <si>
    <t>4-BALES</t>
  </si>
  <si>
    <t>723035-99999-1993.gz</t>
  </si>
  <si>
    <t>CAN CREEK #2</t>
  </si>
  <si>
    <t>TOILET BOEL</t>
  </si>
  <si>
    <t>COLD SPRING</t>
  </si>
  <si>
    <t>723443-53955-2009.gz</t>
  </si>
  <si>
    <t>THORTON</t>
  </si>
  <si>
    <t>727478-04934-2011.gz</t>
  </si>
  <si>
    <t>727573-94928-2009.gz</t>
  </si>
  <si>
    <t>THANKS NVFD</t>
  </si>
  <si>
    <t>LNU HOUGH</t>
  </si>
  <si>
    <t>JAKE'S MOUNTAIN FIRE</t>
  </si>
  <si>
    <t>725805-24172-1995.gz</t>
  </si>
  <si>
    <t>SIGN 3</t>
  </si>
  <si>
    <t>723895-23149-2008.gz</t>
  </si>
  <si>
    <t>WEBER RIVER</t>
  </si>
  <si>
    <t>725750-24126-1992.gz</t>
  </si>
  <si>
    <t>RL047</t>
  </si>
  <si>
    <t>MS1701</t>
  </si>
  <si>
    <t>UPPER</t>
  </si>
  <si>
    <t>722747-99999-1999.gz</t>
  </si>
  <si>
    <t>UPTON</t>
  </si>
  <si>
    <t>725775-04111-2009.gz</t>
  </si>
  <si>
    <t>THREE MILE RIDGE</t>
  </si>
  <si>
    <t>BUTLER RD FIRE</t>
  </si>
  <si>
    <t>SANDHILL</t>
  </si>
  <si>
    <t>JIM MCGILL</t>
  </si>
  <si>
    <t>723307-53893-2015.gz</t>
  </si>
  <si>
    <t>723403-13963-2004.gz</t>
  </si>
  <si>
    <t>83RD</t>
  </si>
  <si>
    <t>FM 1313 &amp; CR FF</t>
  </si>
  <si>
    <t>BROWNRANCH</t>
  </si>
  <si>
    <t>RED LAKE 263</t>
  </si>
  <si>
    <t xml:space="preserve">HOT                      </t>
  </si>
  <si>
    <t>MS0    0909-4460207004</t>
  </si>
  <si>
    <t>724286-93824-2015.gz</t>
  </si>
  <si>
    <t>BLACKJACK</t>
  </si>
  <si>
    <t>37 days 00:00:00.000000000</t>
  </si>
  <si>
    <t>724243-03849-1992.gz</t>
  </si>
  <si>
    <t>14-0003988 PALM COURT BRUSH FIRE</t>
  </si>
  <si>
    <t>747460-03904-2014.gz</t>
  </si>
  <si>
    <t>HICKS BRANCH</t>
  </si>
  <si>
    <t>LAKE CREEK</t>
  </si>
  <si>
    <t>743700-99999-1999.gz</t>
  </si>
  <si>
    <t>TONY SMITH</t>
  </si>
  <si>
    <t>NASH</t>
  </si>
  <si>
    <t>IVY</t>
  </si>
  <si>
    <t>723098-99999-2001.gz</t>
  </si>
  <si>
    <t>READ</t>
  </si>
  <si>
    <t>723747-99999-1995.gz</t>
  </si>
  <si>
    <t>744864-54787-2007.gz</t>
  </si>
  <si>
    <t>TOMS CANYON</t>
  </si>
  <si>
    <t>LA VERKIN</t>
  </si>
  <si>
    <t xml:space="preserve">WIND                     </t>
  </si>
  <si>
    <t>FM 1795 COMMAND</t>
  </si>
  <si>
    <t>CIGARETTE</t>
  </si>
  <si>
    <t>723143-99999-2004.gz</t>
  </si>
  <si>
    <t>FY2003-HOUSTON-001</t>
  </si>
  <si>
    <t>722191-03721-2009.gz</t>
  </si>
  <si>
    <t>LINDEN - 124</t>
  </si>
  <si>
    <t>1553 CR 337</t>
  </si>
  <si>
    <t>725290-14768-2008.gz</t>
  </si>
  <si>
    <t>PALMERTON</t>
  </si>
  <si>
    <t>726625-24006-2012.gz</t>
  </si>
  <si>
    <t>723403-13963-2001.gz</t>
  </si>
  <si>
    <t>HAWLEY</t>
  </si>
  <si>
    <t>725869-94186-1992.gz</t>
  </si>
  <si>
    <t>723663-03012-2007.gz</t>
  </si>
  <si>
    <t>720869-00295-2014.gz</t>
  </si>
  <si>
    <t>STATION BRANCH</t>
  </si>
  <si>
    <t>2010-363</t>
  </si>
  <si>
    <t>RED LAKE 192</t>
  </si>
  <si>
    <t>727555-94956-2011.gz</t>
  </si>
  <si>
    <t>WHITETAIL</t>
  </si>
  <si>
    <t>723759-53990-2014.gz</t>
  </si>
  <si>
    <t>N ELMER CT</t>
  </si>
  <si>
    <t>727890-99999-2002.gz</t>
  </si>
  <si>
    <t xml:space="preserve">BASS                     </t>
  </si>
  <si>
    <t>LINDEN - 13</t>
  </si>
  <si>
    <t>S CALAVERAS AV /W JAYNE A</t>
  </si>
  <si>
    <t>723898-53119-2012.gz</t>
  </si>
  <si>
    <t>A06884</t>
  </si>
  <si>
    <t>725196-64775-2009.gz</t>
  </si>
  <si>
    <t>CRAGO</t>
  </si>
  <si>
    <t>726605-00386-2012.gz</t>
  </si>
  <si>
    <t>725400-99999-1997.gz</t>
  </si>
  <si>
    <t>CORN HUSK FIRE</t>
  </si>
  <si>
    <t>118150-05161-01272015-1616</t>
  </si>
  <si>
    <t>724105-93760-2007.gz</t>
  </si>
  <si>
    <t>727675-99999-2002.gz</t>
  </si>
  <si>
    <t xml:space="preserve">ARBOR                    </t>
  </si>
  <si>
    <t>725905-23275-1995.gz</t>
  </si>
  <si>
    <t>720323-93947-2008.gz</t>
  </si>
  <si>
    <t>SCOTT SIDE</t>
  </si>
  <si>
    <t>715 SECR 1190</t>
  </si>
  <si>
    <t>722543-12977-2013.gz</t>
  </si>
  <si>
    <t>MORAGA</t>
  </si>
  <si>
    <t>722710-93045-2009.gz</t>
  </si>
  <si>
    <t>MYRON</t>
  </si>
  <si>
    <t>A0807003</t>
  </si>
  <si>
    <t>725566-04957-2007.gz</t>
  </si>
  <si>
    <t>FY2000-WILKES-026</t>
  </si>
  <si>
    <t>MS0    1010-5150527001</t>
  </si>
  <si>
    <t>SKID</t>
  </si>
  <si>
    <t>FY2002-CANDLER-061</t>
  </si>
  <si>
    <t>LOWER MILL</t>
  </si>
  <si>
    <t>494 CR 1835</t>
  </si>
  <si>
    <t>ELK RD COMMAND</t>
  </si>
  <si>
    <t>2625 FM 215</t>
  </si>
  <si>
    <t>722563-53952-2014.gz</t>
  </si>
  <si>
    <t>MARIO # 2</t>
  </si>
  <si>
    <t>ECR-20130619-001</t>
  </si>
  <si>
    <t>JENA ROLLOFF (15)14</t>
  </si>
  <si>
    <t>CR 4360</t>
  </si>
  <si>
    <t>720267-23224-2015.gz</t>
  </si>
  <si>
    <t>RT. 28</t>
  </si>
  <si>
    <t>FY2002-CHATTAHOOCHEE-010</t>
  </si>
  <si>
    <t>KETTLE HOLLOW #2</t>
  </si>
  <si>
    <t>724270-53868-2012.gz</t>
  </si>
  <si>
    <t>726227-94790-2008.gz</t>
  </si>
  <si>
    <t>IH 35E</t>
  </si>
  <si>
    <t>RINCON 4</t>
  </si>
  <si>
    <t>BERRY BRANCH</t>
  </si>
  <si>
    <t>STRAW. MTN</t>
  </si>
  <si>
    <t>BENS LANE</t>
  </si>
  <si>
    <t>724275-14894-2013.gz</t>
  </si>
  <si>
    <t>HIGHLAND PARK CR 3575</t>
  </si>
  <si>
    <t>HENDERSON - 046</t>
  </si>
  <si>
    <t>AGENCY CK.</t>
  </si>
  <si>
    <t>722323-00362-2006.gz</t>
  </si>
  <si>
    <t>GRITS</t>
  </si>
  <si>
    <t>SLAUGHTER</t>
  </si>
  <si>
    <t>724016-93736-1995.gz</t>
  </si>
  <si>
    <t>7RIVERS</t>
  </si>
  <si>
    <t>722676-99999-2000.gz</t>
  </si>
  <si>
    <t xml:space="preserve">LOCAL 13055              </t>
  </si>
  <si>
    <t>MEAN CHILDERN FIRE</t>
  </si>
  <si>
    <t>HANS FIRE</t>
  </si>
  <si>
    <t>ROCKYRIDGE</t>
  </si>
  <si>
    <t>SANFORDRX</t>
  </si>
  <si>
    <t>723630-23047-2002.gz</t>
  </si>
  <si>
    <t>CRAIG PT</t>
  </si>
  <si>
    <t>724627-99999-2004.gz</t>
  </si>
  <si>
    <t xml:space="preserve">FINLEY                   </t>
  </si>
  <si>
    <t>724927-23285-2007.gz</t>
  </si>
  <si>
    <t>725945-24283-2009.gz</t>
  </si>
  <si>
    <t>OGEECHEE</t>
  </si>
  <si>
    <t>CORAL</t>
  </si>
  <si>
    <t>720632-00218-2014.gz</t>
  </si>
  <si>
    <t>11-0000685</t>
  </si>
  <si>
    <t>722547-53942-2011.gz</t>
  </si>
  <si>
    <t>FY2014-TREUTLEN-036</t>
  </si>
  <si>
    <t>744989-14747-2009.gz</t>
  </si>
  <si>
    <t>STRADER</t>
  </si>
  <si>
    <t>FY2012-GLASCOCK-013</t>
  </si>
  <si>
    <t>TROXALL</t>
  </si>
  <si>
    <t>TRVFD2011-23</t>
  </si>
  <si>
    <t>720611-00202-2013.gz</t>
  </si>
  <si>
    <t>CROWCRK</t>
  </si>
  <si>
    <t>RHODES LAKE</t>
  </si>
  <si>
    <t>724053-99999-1997.gz</t>
  </si>
  <si>
    <t>MS0    0808-5570207001</t>
  </si>
  <si>
    <t>723065-13783-2009.gz</t>
  </si>
  <si>
    <t>PUMPERNICK</t>
  </si>
  <si>
    <t>ROCK SPRINGS #2</t>
  </si>
  <si>
    <t>690 N FM 373</t>
  </si>
  <si>
    <t>742071-99999-2005.gz</t>
  </si>
  <si>
    <t>CHUN LEE</t>
  </si>
  <si>
    <t>726539-94056-2015.gz</t>
  </si>
  <si>
    <t>TURNER RIVER</t>
  </si>
  <si>
    <t>HAGER SPRINGS</t>
  </si>
  <si>
    <t>727924-24223-1994.gz</t>
  </si>
  <si>
    <t>MORNING FOG</t>
  </si>
  <si>
    <t>726700-99999-2002.gz</t>
  </si>
  <si>
    <t>RL012</t>
  </si>
  <si>
    <t>CARTHAGE FIRE</t>
  </si>
  <si>
    <t>722677-99999-2002.gz</t>
  </si>
  <si>
    <t>725145-99999-1995.gz</t>
  </si>
  <si>
    <t>720175-53919-2011.gz</t>
  </si>
  <si>
    <t>FY2011-BULLOCH-129</t>
  </si>
  <si>
    <t>ALLANSON</t>
  </si>
  <si>
    <t>723825-23131-2007.gz</t>
  </si>
  <si>
    <t>BAR CREEK</t>
  </si>
  <si>
    <t>NARANJOS</t>
  </si>
  <si>
    <t>BASE</t>
  </si>
  <si>
    <t>FY2001-THOMAS-014</t>
  </si>
  <si>
    <t>RUTH CREEK</t>
  </si>
  <si>
    <t>690230-24255-1999.gz</t>
  </si>
  <si>
    <t>I5  S/ CANYON RD</t>
  </si>
  <si>
    <t>SPRING BENDER FIRE</t>
  </si>
  <si>
    <t>THANKSGIVING II FIRE</t>
  </si>
  <si>
    <t>ALCONA 11 - MOUSE RUN FIRE</t>
  </si>
  <si>
    <t>722740-23160-2009.gz</t>
  </si>
  <si>
    <t>NATIONS CREEK</t>
  </si>
  <si>
    <t>63 SOUTH</t>
  </si>
  <si>
    <t>722721-93063-2006.gz</t>
  </si>
  <si>
    <t>SOUTH POINT</t>
  </si>
  <si>
    <t>FY2011-GLASCOCK-010</t>
  </si>
  <si>
    <t>722103-99999-2002.gz</t>
  </si>
  <si>
    <t>723066-13713-1993.gz</t>
  </si>
  <si>
    <t>TH2301</t>
  </si>
  <si>
    <t>722485-13944-2009.gz</t>
  </si>
  <si>
    <t>2009-0092</t>
  </si>
  <si>
    <t>722470-03901-2009.gz</t>
  </si>
  <si>
    <t>HOLCOMB</t>
  </si>
  <si>
    <t>726625-24006-1996.gz</t>
  </si>
  <si>
    <t xml:space="preserve">GARZA                    </t>
  </si>
  <si>
    <t>LOZEAU 2</t>
  </si>
  <si>
    <t>RL280</t>
  </si>
  <si>
    <t>723755-03103-1995.gz</t>
  </si>
  <si>
    <t>727825-99999-1999.gz</t>
  </si>
  <si>
    <t>NOBODY</t>
  </si>
  <si>
    <t>CR 181 FIRE</t>
  </si>
  <si>
    <t>SNEED</t>
  </si>
  <si>
    <t>724458-99999-2001.gz</t>
  </si>
  <si>
    <t>FY2002-GLYNN-001</t>
  </si>
  <si>
    <t>691 SAUNDERS RD.</t>
  </si>
  <si>
    <t>FY2012-JENKINS-002</t>
  </si>
  <si>
    <t>R/RLADD SPRINGS</t>
  </si>
  <si>
    <t>CONVICT</t>
  </si>
  <si>
    <t>723529-53929-2007.gz</t>
  </si>
  <si>
    <t>MORAINE</t>
  </si>
  <si>
    <t>2147 TRAILER BLOWOUT</t>
  </si>
  <si>
    <t>722141-03731-2005.gz</t>
  </si>
  <si>
    <t>DUETTE PARK (41)</t>
  </si>
  <si>
    <t>STONEY RIDGE</t>
  </si>
  <si>
    <t>727790-24146-2003.gz</t>
  </si>
  <si>
    <t>720601-00193-2015.gz</t>
  </si>
  <si>
    <t>SPRAKER</t>
  </si>
  <si>
    <t>724110-13741-1997.gz</t>
  </si>
  <si>
    <t>WEED</t>
  </si>
  <si>
    <t>PORTAL</t>
  </si>
  <si>
    <t>723894-03181-2010.gz</t>
  </si>
  <si>
    <t>MS0    1010-2520919009</t>
  </si>
  <si>
    <t>FY2001-EFFINGHAM-082</t>
  </si>
  <si>
    <t>SPORTSMEN</t>
  </si>
  <si>
    <t>723723-23184-2007.gz</t>
  </si>
  <si>
    <t xml:space="preserve">LOCAL VEG FIRE           </t>
  </si>
  <si>
    <t>725155-94761-2015.gz</t>
  </si>
  <si>
    <t xml:space="preserve">OAK #5                   </t>
  </si>
  <si>
    <t>BIRDSPRINGS 1</t>
  </si>
  <si>
    <t>723740-23194-2010.gz</t>
  </si>
  <si>
    <t>722131-03713-2009.gz</t>
  </si>
  <si>
    <t>BOUNDARY</t>
  </si>
  <si>
    <t>723625-93057-1992.gz</t>
  </si>
  <si>
    <t>BUCKHORN</t>
  </si>
  <si>
    <t>724458-03963-2013.gz</t>
  </si>
  <si>
    <t>722554-99999-2004.gz</t>
  </si>
  <si>
    <t>RL466</t>
  </si>
  <si>
    <t>HILLISPEAK</t>
  </si>
  <si>
    <t>725970-24225-1999.gz</t>
  </si>
  <si>
    <t>BLACK RIVER FALLS CO-OP 1</t>
  </si>
  <si>
    <t>726435-14991-2014.gz</t>
  </si>
  <si>
    <t>WARDEN FIRE</t>
  </si>
  <si>
    <t>727845-24163-2011.gz</t>
  </si>
  <si>
    <t>CRAMPTON</t>
  </si>
  <si>
    <t>724680-94015-1994.gz</t>
  </si>
  <si>
    <t>726577-94974-2010.gz</t>
  </si>
  <si>
    <t>911700-22508-2005.gz</t>
  </si>
  <si>
    <t>SHOOFLY</t>
  </si>
  <si>
    <t>BISCARA</t>
  </si>
  <si>
    <t>RODOCKER</t>
  </si>
  <si>
    <t>BUIE</t>
  </si>
  <si>
    <t>N. HWY 207 (STATE LINE 12)</t>
  </si>
  <si>
    <t>722095-03030-2012.gz</t>
  </si>
  <si>
    <t>SALT SPRINGS</t>
  </si>
  <si>
    <t>723747-03101-2013.gz</t>
  </si>
  <si>
    <t>724420-13997-2005.gz</t>
  </si>
  <si>
    <t>MAPLE</t>
  </si>
  <si>
    <t>722747-99999-1996.gz</t>
  </si>
  <si>
    <t>BEE CREEK</t>
  </si>
  <si>
    <t>727477-04970-2015.gz</t>
  </si>
  <si>
    <t>723060-13722-1996.gz</t>
  </si>
  <si>
    <t>747187-03104-2002.gz</t>
  </si>
  <si>
    <t>THOUSAINDAIRE</t>
  </si>
  <si>
    <t>723870-03160-2008.gz</t>
  </si>
  <si>
    <t>FY2001-CARROLL-060</t>
  </si>
  <si>
    <t>IDLEWILD</t>
  </si>
  <si>
    <t>FY2014-JENKINS-013</t>
  </si>
  <si>
    <t>747805-63818-2014.gz</t>
  </si>
  <si>
    <t>MM109 I84</t>
  </si>
  <si>
    <t>CREAM CAN</t>
  </si>
  <si>
    <t>725867-24133-2010.gz</t>
  </si>
  <si>
    <t>SAND PIT FIRE (62)</t>
  </si>
  <si>
    <t>ROSCOMMON       0002</t>
  </si>
  <si>
    <t>726380-94814-2014.gz</t>
  </si>
  <si>
    <t>MURPHEY</t>
  </si>
  <si>
    <t>722680-23009-2000.gz</t>
  </si>
  <si>
    <t>722276-99999-2001.gz</t>
  </si>
  <si>
    <t>FIVE MILE</t>
  </si>
  <si>
    <t>725527-94978-2009.gz</t>
  </si>
  <si>
    <t>CENTER</t>
  </si>
  <si>
    <t>SHADY OAKS FIRE</t>
  </si>
  <si>
    <t>WOFFORT RANCH</t>
  </si>
  <si>
    <t>FY2013-HANCOCK-017</t>
  </si>
  <si>
    <t>SCOTT HALL</t>
  </si>
  <si>
    <t>F JASEK</t>
  </si>
  <si>
    <t>7 N FM 187  GRASS FIRE</t>
  </si>
  <si>
    <t>722202-12985-2009.gz</t>
  </si>
  <si>
    <t>724050-13743-2006.gz</t>
  </si>
  <si>
    <t>WINDING STAIR 4</t>
  </si>
  <si>
    <t xml:space="preserve">HWY. 25 #4               </t>
  </si>
  <si>
    <t>NEW HOPE RD.</t>
  </si>
  <si>
    <t>724177-13734-2004.gz</t>
  </si>
  <si>
    <t>GRASS AND WOODS FIRE</t>
  </si>
  <si>
    <t>RL 171</t>
  </si>
  <si>
    <t>DREWY</t>
  </si>
  <si>
    <t>HOMESTEAD FARM RD</t>
  </si>
  <si>
    <t>723193-93807-2015.gz</t>
  </si>
  <si>
    <t xml:space="preserve">BRIDGE #2                </t>
  </si>
  <si>
    <t>CHITTY</t>
  </si>
  <si>
    <t>722747-93084-2007.gz</t>
  </si>
  <si>
    <t>722199-53956-2007.gz</t>
  </si>
  <si>
    <t>NOR-20150207-005</t>
  </si>
  <si>
    <t>723235-13896-2015.gz</t>
  </si>
  <si>
    <t>9371 FM 713</t>
  </si>
  <si>
    <t>720366-63879-2008.gz</t>
  </si>
  <si>
    <t>LITTLE NELSON</t>
  </si>
  <si>
    <t>720401-00133-2010.gz</t>
  </si>
  <si>
    <t>FY2014-TATTNALL-004</t>
  </si>
  <si>
    <t>722691-00366-2013.gz</t>
  </si>
  <si>
    <t>PARK SPRINGS</t>
  </si>
  <si>
    <t>723788-53135-2013.gz</t>
  </si>
  <si>
    <t>725784-04109-2011.gz</t>
  </si>
  <si>
    <t>OLD SUGARLIMB RD</t>
  </si>
  <si>
    <t>724270-99999-2007.gz</t>
  </si>
  <si>
    <t>GRIFFIN</t>
  </si>
  <si>
    <t>722678-23052-2012.gz</t>
  </si>
  <si>
    <t>PYBURN LN</t>
  </si>
  <si>
    <t>12-0023640</t>
  </si>
  <si>
    <t>722444-53902-2012.gz</t>
  </si>
  <si>
    <t>POWELLSVILLE</t>
  </si>
  <si>
    <t>723273-99999-1999.gz</t>
  </si>
  <si>
    <t>STRONG</t>
  </si>
  <si>
    <t>FY2011-CHARLTON-090</t>
  </si>
  <si>
    <t>042 TIN TOP</t>
  </si>
  <si>
    <t>THOMPSON CREEK</t>
  </si>
  <si>
    <t>MULE FIRE</t>
  </si>
  <si>
    <t>726710-24164-2002.gz</t>
  </si>
  <si>
    <t>722285-03896-2008.gz</t>
  </si>
  <si>
    <t>ALY #2</t>
  </si>
  <si>
    <t>MS0    1111-3330112004</t>
  </si>
  <si>
    <t>WEST MARION FIRE</t>
  </si>
  <si>
    <t xml:space="preserve">MELODY                   </t>
  </si>
  <si>
    <t>724837-93216-1994.gz</t>
  </si>
  <si>
    <t>SWR-20150130-003</t>
  </si>
  <si>
    <t>722225-03855-2014.gz</t>
  </si>
  <si>
    <t>ERICKSON SPRING</t>
  </si>
  <si>
    <t>MANNING</t>
  </si>
  <si>
    <t>RIVER BEND</t>
  </si>
  <si>
    <t>724880-23185-2012.gz</t>
  </si>
  <si>
    <t>MAPLETON</t>
  </si>
  <si>
    <t>INDIAN NECK</t>
  </si>
  <si>
    <t>PINEVIEW</t>
  </si>
  <si>
    <t>KISWASH</t>
  </si>
  <si>
    <t>MCCRARY</t>
  </si>
  <si>
    <t>726426-99999-2004.gz</t>
  </si>
  <si>
    <t>FM 96-10</t>
  </si>
  <si>
    <t>1117 SPRING CREEK ROAD</t>
  </si>
  <si>
    <t>722576-03902-2009.gz</t>
  </si>
  <si>
    <t>FY2000-SEMINOLE-069</t>
  </si>
  <si>
    <t>747807-03821-2010.gz</t>
  </si>
  <si>
    <t>LITTLE FLATS</t>
  </si>
  <si>
    <t>STONE MTN RD</t>
  </si>
  <si>
    <t>SEVENTY TWO</t>
  </si>
  <si>
    <t>723119-13886-2001.gz</t>
  </si>
  <si>
    <t xml:space="preserve">RADONAVICH               </t>
  </si>
  <si>
    <t>723307-53893-2008.gz</t>
  </si>
  <si>
    <t>CANADIAN</t>
  </si>
  <si>
    <t>COLD SPRINGS</t>
  </si>
  <si>
    <t>JOE MOSES</t>
  </si>
  <si>
    <t>LYNN CREEK FIRE</t>
  </si>
  <si>
    <t>723747-99999-1994.gz</t>
  </si>
  <si>
    <t>BLUE BOX</t>
  </si>
  <si>
    <t xml:space="preserve">CHELSEA ST / NEVADA RD   </t>
  </si>
  <si>
    <t>NEAL</t>
  </si>
  <si>
    <t>LYNCH RUN</t>
  </si>
  <si>
    <t>MS0    0808-3120622001</t>
  </si>
  <si>
    <t>727456-99999-2000.gz</t>
  </si>
  <si>
    <t>BUTCHER</t>
  </si>
  <si>
    <t>722786-23104-1999.gz</t>
  </si>
  <si>
    <t>FY2011-BIBB-009</t>
  </si>
  <si>
    <t>722193-99999-2005.gz</t>
  </si>
  <si>
    <t>PATTESON CREEK</t>
  </si>
  <si>
    <t>BOO11181735</t>
  </si>
  <si>
    <t xml:space="preserve">SHIVELY                  </t>
  </si>
  <si>
    <t>702600-26435-1997.gz</t>
  </si>
  <si>
    <t xml:space="preserve">BEEMER                   </t>
  </si>
  <si>
    <t>724837-99999-2004.gz</t>
  </si>
  <si>
    <t>SAM</t>
  </si>
  <si>
    <t>MS0    1111-3330320001</t>
  </si>
  <si>
    <t>720967-00457-2014.gz</t>
  </si>
  <si>
    <t>GREEK SPRING</t>
  </si>
  <si>
    <t>TH1702</t>
  </si>
  <si>
    <t>724090-14780-2005.gz</t>
  </si>
  <si>
    <t xml:space="preserve">I 5  /W JAYNE AV 26      </t>
  </si>
  <si>
    <t>PENNEY</t>
  </si>
  <si>
    <t>720258-99999-2005.gz</t>
  </si>
  <si>
    <t>720279-03705-2009.gz</t>
  </si>
  <si>
    <t>722072-03894-2008.gz</t>
  </si>
  <si>
    <t>FY2012-COFFEE-037</t>
  </si>
  <si>
    <t>COALINGA HERNANDEZ RD  10</t>
  </si>
  <si>
    <t>724917-23233-2006.gz</t>
  </si>
  <si>
    <t>IRON POINT</t>
  </si>
  <si>
    <t>ROCK MESA</t>
  </si>
  <si>
    <t>723675-99999-1993.gz</t>
  </si>
  <si>
    <t>TIOCANO</t>
  </si>
  <si>
    <t>722505-99999-2001.gz</t>
  </si>
  <si>
    <t>MS1311</t>
  </si>
  <si>
    <t>FRALEY ACRES</t>
  </si>
  <si>
    <t>722148-63824-2013.gz</t>
  </si>
  <si>
    <t>CIMARRON</t>
  </si>
  <si>
    <t>725515-94947-2011.gz</t>
  </si>
  <si>
    <t>724235-13810-1997.gz</t>
  </si>
  <si>
    <t>LORANGER</t>
  </si>
  <si>
    <t>POISON SPRING</t>
  </si>
  <si>
    <t>727687-99999-2000.gz</t>
  </si>
  <si>
    <t>SADDLE</t>
  </si>
  <si>
    <t>DONALDSON TRACK (1)</t>
  </si>
  <si>
    <t>722080-13880-2001.gz</t>
  </si>
  <si>
    <t>FY2002-WAYNE-061</t>
  </si>
  <si>
    <t>725036-14757-2006.gz</t>
  </si>
  <si>
    <t>THUNDERBOLT</t>
  </si>
  <si>
    <t>722747-93084-2012.gz</t>
  </si>
  <si>
    <t xml:space="preserve">ROVL'S #2                </t>
  </si>
  <si>
    <t>725957-24215-1992.gz</t>
  </si>
  <si>
    <t>SLEEPER</t>
  </si>
  <si>
    <t>ADAMS ROAD MULTIPLE</t>
  </si>
  <si>
    <t>720605-00197-2012.gz</t>
  </si>
  <si>
    <t>FIRST NOTCH</t>
  </si>
  <si>
    <t xml:space="preserve">LAS LOMAS                </t>
  </si>
  <si>
    <t>GARRETT DRIVE FIRE</t>
  </si>
  <si>
    <t>720608-00200-2010.gz</t>
  </si>
  <si>
    <t>701970-99999-2005.gz</t>
  </si>
  <si>
    <t>725628-04935-2009.gz</t>
  </si>
  <si>
    <t>V-HILL</t>
  </si>
  <si>
    <t xml:space="preserve">MACKEY                   </t>
  </si>
  <si>
    <t>725958-99999-1995.gz</t>
  </si>
  <si>
    <t>FY2012-CHARLTON-012</t>
  </si>
  <si>
    <t>723418-13977-1998.gz</t>
  </si>
  <si>
    <t>UINTARIVR2</t>
  </si>
  <si>
    <t>COAL BIN</t>
  </si>
  <si>
    <t>726540-14936-1999.gz</t>
  </si>
  <si>
    <t>726088-14606-2001.gz</t>
  </si>
  <si>
    <t>911780-99999-2004.gz</t>
  </si>
  <si>
    <t>PINE GATE</t>
  </si>
  <si>
    <t>UP NORTH</t>
  </si>
  <si>
    <t>724084-99999-2000.gz</t>
  </si>
  <si>
    <t>720605-00197-2011.gz</t>
  </si>
  <si>
    <t>SLOP</t>
  </si>
  <si>
    <t>723086-99999-1998.gz</t>
  </si>
  <si>
    <t>722480-13957-2015.gz</t>
  </si>
  <si>
    <t>725036-14757-2002.gz</t>
  </si>
  <si>
    <t>725555-94946-2012.gz</t>
  </si>
  <si>
    <t>HOMER DRIVE</t>
  </si>
  <si>
    <t>720279-03705-2010.gz</t>
  </si>
  <si>
    <t>HWY 46 MP6</t>
  </si>
  <si>
    <t>FLAG</t>
  </si>
  <si>
    <t>STATION FIRE</t>
  </si>
  <si>
    <t>722154-53885-2012.gz</t>
  </si>
  <si>
    <t>FY2011-POLK-079</t>
  </si>
  <si>
    <t>723107-00371-2015.gz</t>
  </si>
  <si>
    <t>HUTTERVILLE COLONY</t>
  </si>
  <si>
    <t>726590-14929-2000.gz</t>
  </si>
  <si>
    <t>FY2003-COLQUITT-011</t>
  </si>
  <si>
    <t>FY2002-GILMER-031</t>
  </si>
  <si>
    <t>BAKER POND   (64)</t>
  </si>
  <si>
    <t>744864-54787-2015.gz</t>
  </si>
  <si>
    <t>726508-99999-2001.gz</t>
  </si>
  <si>
    <t xml:space="preserve">ERRECA                   </t>
  </si>
  <si>
    <t>MM37</t>
  </si>
  <si>
    <t>WILLIAMS BAY  (23)</t>
  </si>
  <si>
    <t>747750-13846-2015.gz</t>
  </si>
  <si>
    <t>NOR-20151018-002</t>
  </si>
  <si>
    <t>MS0    1010-1070817001</t>
  </si>
  <si>
    <t>HAMS RIDGE</t>
  </si>
  <si>
    <t>726710-24164-2005.gz</t>
  </si>
  <si>
    <t>MM-91</t>
  </si>
  <si>
    <t>724504-99999-2005.gz</t>
  </si>
  <si>
    <t>724084-54760-2006.gz</t>
  </si>
  <si>
    <t>LINDEN - 6085</t>
  </si>
  <si>
    <t>WILSON CREEK # 1</t>
  </si>
  <si>
    <t>726885-24152-1999.gz</t>
  </si>
  <si>
    <t>1954 LIMB FIRE</t>
  </si>
  <si>
    <t>722487-13935-2014.gz</t>
  </si>
  <si>
    <t>FY2003-BRYAN NORTH-003</t>
  </si>
  <si>
    <t>724237-53803-2008.gz</t>
  </si>
  <si>
    <t>WILSONLAKE</t>
  </si>
  <si>
    <t>WEST HARBOR FIRE</t>
  </si>
  <si>
    <t>DIKE</t>
  </si>
  <si>
    <t>COPPER (36)</t>
  </si>
  <si>
    <t>J-BELLA</t>
  </si>
  <si>
    <t>723406-93991-2008.gz</t>
  </si>
  <si>
    <t>722784-99999-1992.gz</t>
  </si>
  <si>
    <t>FY2011-WORTH-083</t>
  </si>
  <si>
    <t>723030-13714-2005.gz</t>
  </si>
  <si>
    <t>727834-99999-1998.gz</t>
  </si>
  <si>
    <t xml:space="preserve">WELLSONA                 </t>
  </si>
  <si>
    <t>722897-99999-2004.gz</t>
  </si>
  <si>
    <t>722174-23097-2011.gz</t>
  </si>
  <si>
    <t>ANTIOCH CHURCH RD</t>
  </si>
  <si>
    <t>FY2012-CANDLER-020</t>
  </si>
  <si>
    <t>747805-63818-2012.gz</t>
  </si>
  <si>
    <t>BROTHERS RANCH</t>
  </si>
  <si>
    <t>ECR-20131112-001</t>
  </si>
  <si>
    <t>725700-99999-1994.gz</t>
  </si>
  <si>
    <t>COUNCIL HOLLOW</t>
  </si>
  <si>
    <t>722092-53941-2012.gz</t>
  </si>
  <si>
    <t>2011-5652</t>
  </si>
  <si>
    <t>DEVIL'S GULCH 2</t>
  </si>
  <si>
    <t>720258-04997-2010.gz</t>
  </si>
  <si>
    <t>722051-53932-2007.gz</t>
  </si>
  <si>
    <t>RUBICON</t>
  </si>
  <si>
    <t>725864-94182-2015.gz</t>
  </si>
  <si>
    <t>722820-03949-2012.gz</t>
  </si>
  <si>
    <t>724077-54779-2014.gz</t>
  </si>
  <si>
    <t xml:space="preserve">VOLCAN 4                 </t>
  </si>
  <si>
    <t>722907-99999-1992.gz</t>
  </si>
  <si>
    <t>FY2002-LEE-015</t>
  </si>
  <si>
    <t>BAITCAMP</t>
  </si>
  <si>
    <t>994260-99999-1995.gz</t>
  </si>
  <si>
    <t>SHEEP#4</t>
  </si>
  <si>
    <t>725835-24119-1996.gz</t>
  </si>
  <si>
    <t>FY2000-WAYNE-104</t>
  </si>
  <si>
    <t>722053-12841-2000.gz</t>
  </si>
  <si>
    <t>ACOMA #2</t>
  </si>
  <si>
    <t xml:space="preserve">SUCKER RUN               </t>
  </si>
  <si>
    <t>724625-93005-2009.gz</t>
  </si>
  <si>
    <t>PINTO</t>
  </si>
  <si>
    <t>727795-99999-1992.gz</t>
  </si>
  <si>
    <t xml:space="preserve">BORDER#23                </t>
  </si>
  <si>
    <t>S DERRICK BL / CALIFORNIA</t>
  </si>
  <si>
    <t>4 CORNERS #2</t>
  </si>
  <si>
    <t>727857-99999-2005.gz</t>
  </si>
  <si>
    <t>BLAIR</t>
  </si>
  <si>
    <t>702650-99999-2001.gz</t>
  </si>
  <si>
    <t>LAVATO</t>
  </si>
  <si>
    <t>726667-24048-2009.gz</t>
  </si>
  <si>
    <t>HOMEBOY</t>
  </si>
  <si>
    <t>727514-99999-2003.gz</t>
  </si>
  <si>
    <t>COAL LICK</t>
  </si>
  <si>
    <t>11-000142</t>
  </si>
  <si>
    <t>SHERWOOD TRAIL</t>
  </si>
  <si>
    <t>SHORT</t>
  </si>
  <si>
    <t>NORTHMARSH</t>
  </si>
  <si>
    <t>725895-94236-2001.gz</t>
  </si>
  <si>
    <t>724455-14938-1994.gz</t>
  </si>
  <si>
    <t>TOLIVER</t>
  </si>
  <si>
    <t>NORLAND4N</t>
  </si>
  <si>
    <t>723449-53954-2007.gz</t>
  </si>
  <si>
    <t>KENNETH RAY</t>
  </si>
  <si>
    <t>725207-54735-2014.gz</t>
  </si>
  <si>
    <t>BUCK HUNTER</t>
  </si>
  <si>
    <t>STEVENS</t>
  </si>
  <si>
    <t>723143-03720-2008.gz</t>
  </si>
  <si>
    <t xml:space="preserve">DALTON #4                </t>
  </si>
  <si>
    <t>FY2002-WALKER-062</t>
  </si>
  <si>
    <t>722154-99999-2002.gz</t>
  </si>
  <si>
    <t>720611-00202-2015.gz</t>
  </si>
  <si>
    <t>RL374</t>
  </si>
  <si>
    <t>LINCOLN 2</t>
  </si>
  <si>
    <t>720257-63835-2007.gz</t>
  </si>
  <si>
    <t xml:space="preserve">HARMONY                  </t>
  </si>
  <si>
    <t>723900-93226-2004.gz</t>
  </si>
  <si>
    <t>BOONE TRL</t>
  </si>
  <si>
    <t>EC20501</t>
  </si>
  <si>
    <t>COMPLEX 4</t>
  </si>
  <si>
    <t>TURTLE</t>
  </si>
  <si>
    <t>722160-13869-2010.gz</t>
  </si>
  <si>
    <t>BIG BOTTOM</t>
  </si>
  <si>
    <t>725700-24046-2013.gz</t>
  </si>
  <si>
    <t>MS0    0909-5790302003</t>
  </si>
  <si>
    <t>RAFTER R (7235)</t>
  </si>
  <si>
    <t>720771-00276-2014.gz</t>
  </si>
  <si>
    <t>FY2002-JEFFERSON-021</t>
  </si>
  <si>
    <t xml:space="preserve">PACE                     </t>
  </si>
  <si>
    <t>WF TEXAS POINT AIR LOG FIRE</t>
  </si>
  <si>
    <t>724116-13868-2008.gz</t>
  </si>
  <si>
    <t>BERRY</t>
  </si>
  <si>
    <t>723840-23155-2003.gz</t>
  </si>
  <si>
    <t>DOVETAIL LN.</t>
  </si>
  <si>
    <t>SELAWIK RIVER</t>
  </si>
  <si>
    <t>701718-26551-2010.gz</t>
  </si>
  <si>
    <t>WAGONTONGUE</t>
  </si>
  <si>
    <t>724645-23070-1994.gz</t>
  </si>
  <si>
    <t>TRIMBLE</t>
  </si>
  <si>
    <t>MODOC POINT</t>
  </si>
  <si>
    <t>725895-94236-2004.gz</t>
  </si>
  <si>
    <t>LONG CANYON</t>
  </si>
  <si>
    <t>725180-14735-1998.gz</t>
  </si>
  <si>
    <t>12_4168</t>
  </si>
  <si>
    <t>725347-14880-2012.gz</t>
  </si>
  <si>
    <t>ALAFIA RIVER STATE PARK (29)</t>
  </si>
  <si>
    <t>722119-12883-2011.gz</t>
  </si>
  <si>
    <t>HWY 700 FIRE</t>
  </si>
  <si>
    <t>DELORES ROAD (57)</t>
  </si>
  <si>
    <t>722226-93841-2014.gz</t>
  </si>
  <si>
    <t>RANDY FIRE</t>
  </si>
  <si>
    <t>746929-99999-2001.gz</t>
  </si>
  <si>
    <t xml:space="preserve">FKU-4388                 </t>
  </si>
  <si>
    <t>AIR</t>
  </si>
  <si>
    <t>722316-12958-1997.gz</t>
  </si>
  <si>
    <t>FY2011-MILLER-047</t>
  </si>
  <si>
    <t>PAINT BALL FIRE</t>
  </si>
  <si>
    <t>724127-53801-2013.gz</t>
  </si>
  <si>
    <t>LITTLE EGYPT</t>
  </si>
  <si>
    <t>HIGHLINE</t>
  </si>
  <si>
    <t>720671-99999-2010.gz</t>
  </si>
  <si>
    <t>DAY AFTER FIRE 1</t>
  </si>
  <si>
    <t xml:space="preserve">RIVER                    </t>
  </si>
  <si>
    <t>723124-53874-2014.gz</t>
  </si>
  <si>
    <t>726379-14845-1993.gz</t>
  </si>
  <si>
    <t>GOAT'S MILK</t>
  </si>
  <si>
    <t>WOOLFORD</t>
  </si>
  <si>
    <t>727924-24223-2004.gz</t>
  </si>
  <si>
    <t>UNNAMED FIRE 0547</t>
  </si>
  <si>
    <t>SCUDBUSTER</t>
  </si>
  <si>
    <t>BURMA ROAD FIRE</t>
  </si>
  <si>
    <t>725127-04726-2003.gz</t>
  </si>
  <si>
    <t>R0WE RIDGE</t>
  </si>
  <si>
    <t>BART</t>
  </si>
  <si>
    <t>726170-14742-2004.gz</t>
  </si>
  <si>
    <t xml:space="preserve">HWY 152  / BLOOMFIELD AV </t>
  </si>
  <si>
    <t>3 M SOUTH OF FOLLETT ON 1454</t>
  </si>
  <si>
    <t>746410-13975-2010.gz</t>
  </si>
  <si>
    <t>ISLAND CITY</t>
  </si>
  <si>
    <t>STARSHIP</t>
  </si>
  <si>
    <t>UNNAMED FIRE 0524</t>
  </si>
  <si>
    <t>723840-23155-2001.gz</t>
  </si>
  <si>
    <t>ALAMOS</t>
  </si>
  <si>
    <t>726056-99999-2005.gz</t>
  </si>
  <si>
    <t>FY2011-BURKE-025</t>
  </si>
  <si>
    <t>FY2015-DECATUR-024</t>
  </si>
  <si>
    <t>720268-53882-2015.gz</t>
  </si>
  <si>
    <t>LINEBERRY FIRE</t>
  </si>
  <si>
    <t>ALLEY FIRE</t>
  </si>
  <si>
    <t>722024-99999-2001.gz</t>
  </si>
  <si>
    <t>6600 CR 190</t>
  </si>
  <si>
    <t>722666-93943-2010.gz</t>
  </si>
  <si>
    <t>KRAHL ROAD</t>
  </si>
  <si>
    <t>121850-01504-01182015-0000</t>
  </si>
  <si>
    <t>720949-00329-2014.gz</t>
  </si>
  <si>
    <t>TIMBER-LANE</t>
  </si>
  <si>
    <t>723575-03950-2011.gz</t>
  </si>
  <si>
    <t>WALKER ROAD</t>
  </si>
  <si>
    <t>722284-99999-1997.gz</t>
  </si>
  <si>
    <t>723177-99999-2005.gz</t>
  </si>
  <si>
    <t xml:space="preserve">MARIE                    </t>
  </si>
  <si>
    <t>COCOPAH</t>
  </si>
  <si>
    <t>699604-03145-1991.gz</t>
  </si>
  <si>
    <t>FY2003-HABERSHAM-002</t>
  </si>
  <si>
    <t>SHAKTOOLIK RIVER</t>
  </si>
  <si>
    <t>42 days 00:00:00.000000000</t>
  </si>
  <si>
    <t>702070-26627-2013.gz</t>
  </si>
  <si>
    <t>SIGHTING</t>
  </si>
  <si>
    <t>726682-54914-2010.gz</t>
  </si>
  <si>
    <t>PONY FARM FIRE</t>
  </si>
  <si>
    <t>722235-99999-2002.gz</t>
  </si>
  <si>
    <t>DESKJET</t>
  </si>
  <si>
    <t>WAGNER RD GRASS AND STRUCTURE</t>
  </si>
  <si>
    <t>725453-14930-2006.gz</t>
  </si>
  <si>
    <t>723193-93807-2007.gz</t>
  </si>
  <si>
    <t>COUNTY ROAD CHURCH</t>
  </si>
  <si>
    <t xml:space="preserve">CABEU003524              </t>
  </si>
  <si>
    <t>HILLY FIRE</t>
  </si>
  <si>
    <t>723406-99999-1999.gz</t>
  </si>
  <si>
    <t>SLASHER</t>
  </si>
  <si>
    <t>726560-99999-2005.gz</t>
  </si>
  <si>
    <t>991 E</t>
  </si>
  <si>
    <t>IRVINE FLATS</t>
  </si>
  <si>
    <t>720361-63870-2007.gz</t>
  </si>
  <si>
    <t>998009-99999-2013.gz</t>
  </si>
  <si>
    <t>PANCAKE</t>
  </si>
  <si>
    <t>725824-99999-2002.gz</t>
  </si>
  <si>
    <t>VEIN MT ROAD FIRE</t>
  </si>
  <si>
    <t>723144-99999-2002.gz</t>
  </si>
  <si>
    <t xml:space="preserve">PECWAN RIDGE PECWAN_N    </t>
  </si>
  <si>
    <t>RL123</t>
  </si>
  <si>
    <t>MIWENI</t>
  </si>
  <si>
    <t>723550-13945-2007.gz</t>
  </si>
  <si>
    <t>KINI</t>
  </si>
  <si>
    <t>726518-99999-2001.gz</t>
  </si>
  <si>
    <t>PICABO</t>
  </si>
  <si>
    <t>725865-99999-2002.gz</t>
  </si>
  <si>
    <t>726166-54781-2008.gz</t>
  </si>
  <si>
    <t>LIZZY CYN2</t>
  </si>
  <si>
    <t>727810-24243-2000.gz</t>
  </si>
  <si>
    <t>722486-13942-2013.gz</t>
  </si>
  <si>
    <t>ANDERSON BEND ROADSIDE FIRE</t>
  </si>
  <si>
    <t>720768-00274-2014.gz</t>
  </si>
  <si>
    <t>NE 30256</t>
  </si>
  <si>
    <t>CARDBOARD FIRE</t>
  </si>
  <si>
    <t>726504-54838-2009.gz</t>
  </si>
  <si>
    <t>SWR-20130907-002</t>
  </si>
  <si>
    <t>998491-99999-2013.gz</t>
  </si>
  <si>
    <t>OTA 83</t>
  </si>
  <si>
    <t>ELM</t>
  </si>
  <si>
    <t>ARROYO</t>
  </si>
  <si>
    <t>TREE HOUSE</t>
  </si>
  <si>
    <t>722164-53949-2008.gz</t>
  </si>
  <si>
    <t>RED LAKE 186</t>
  </si>
  <si>
    <t>727550-14958-2011.gz</t>
  </si>
  <si>
    <t>725290-14768-2011.gz</t>
  </si>
  <si>
    <t>HIGH SCHOOL</t>
  </si>
  <si>
    <t>DUST(05)</t>
  </si>
  <si>
    <t>722057-12854-2010.gz</t>
  </si>
  <si>
    <t>FY2011-TATTNALL-052</t>
  </si>
  <si>
    <t>GRAVEL PIT FIRE</t>
  </si>
  <si>
    <t>722416-12971-2015.gz</t>
  </si>
  <si>
    <t>FOUR MILE</t>
  </si>
  <si>
    <t>725700-24046-2011.gz</t>
  </si>
  <si>
    <t>10DIAMOND</t>
  </si>
  <si>
    <t>723747-99999-2001.gz</t>
  </si>
  <si>
    <t xml:space="preserve">WELLINGTON FD MUTUAL AID </t>
  </si>
  <si>
    <t>DECOY FIRE</t>
  </si>
  <si>
    <t>727453-94967-2012.gz</t>
  </si>
  <si>
    <t>726377-99999-1994.gz</t>
  </si>
  <si>
    <t>HILLSBORO</t>
  </si>
  <si>
    <t>CANE GAP FIRE</t>
  </si>
  <si>
    <t>TAYLOR CREEK</t>
  </si>
  <si>
    <t>722103-99999-1993.gz</t>
  </si>
  <si>
    <t>MATHEWS2</t>
  </si>
  <si>
    <t>SOUTHWEST OF STILL HILL CHURCH OFF HWY 208</t>
  </si>
  <si>
    <t>LYNCH</t>
  </si>
  <si>
    <t>742060-99999-2004.gz</t>
  </si>
  <si>
    <t>D LINE</t>
  </si>
  <si>
    <t>726837-24162-1994.gz</t>
  </si>
  <si>
    <t>723106-13744-2008.gz</t>
  </si>
  <si>
    <t>CLAYTON</t>
  </si>
  <si>
    <t>724945-23293-2010.gz</t>
  </si>
  <si>
    <t>HOG PEN</t>
  </si>
  <si>
    <t>FY2011-PAULDING-038</t>
  </si>
  <si>
    <t xml:space="preserve">ROAD 34                  </t>
  </si>
  <si>
    <t>725036-14757-2012.gz</t>
  </si>
  <si>
    <t>FERRIS</t>
  </si>
  <si>
    <t>REVIVAL</t>
  </si>
  <si>
    <t>FOUR BAR RANCH INCIDENT</t>
  </si>
  <si>
    <t>722363-23098-2012.gz</t>
  </si>
  <si>
    <t>NUNERY HOLLOW</t>
  </si>
  <si>
    <t>BELL CREEK III</t>
  </si>
  <si>
    <t>FY2014-WARREN-015</t>
  </si>
  <si>
    <t xml:space="preserve">MANOR                    </t>
  </si>
  <si>
    <t>720294-53898-2007.gz</t>
  </si>
  <si>
    <t>FY2000-MONTGOMERY-038</t>
  </si>
  <si>
    <t>SEVERO MARTINEZ</t>
  </si>
  <si>
    <t>723566-93950-2000.gz</t>
  </si>
  <si>
    <t>NELSON FARM</t>
  </si>
  <si>
    <t>FY2011-MCINTOSH-044</t>
  </si>
  <si>
    <t>720357-53993-2012.gz</t>
  </si>
  <si>
    <t xml:space="preserve">CASLU 004762             </t>
  </si>
  <si>
    <t>722897-99999-2002.gz</t>
  </si>
  <si>
    <t>SKIP JACK</t>
  </si>
  <si>
    <t>12832 ROYAL ORCHARD DR., IA</t>
  </si>
  <si>
    <t>LITTLE COTTONWOOD</t>
  </si>
  <si>
    <t xml:space="preserve">F.A. #83                 </t>
  </si>
  <si>
    <t>726555-94938-2013.gz</t>
  </si>
  <si>
    <t>722448-13972-2004.gz</t>
  </si>
  <si>
    <t>17375 THOMPTON RD, AL</t>
  </si>
  <si>
    <t>SIMMONS PIT (57)</t>
  </si>
  <si>
    <t>720383-53847-2013.gz</t>
  </si>
  <si>
    <t>727740-24135-2012.gz</t>
  </si>
  <si>
    <t>CARPENTER GRASS FIRE</t>
  </si>
  <si>
    <t>STINKY</t>
  </si>
  <si>
    <t>722164-53949-2013.gz</t>
  </si>
  <si>
    <t>723406-99999-1998.gz</t>
  </si>
  <si>
    <t>OTA 60</t>
  </si>
  <si>
    <t>BONGO FIRE</t>
  </si>
  <si>
    <t>SHEPHERD RD</t>
  </si>
  <si>
    <t>MOUNTAIN RD</t>
  </si>
  <si>
    <t>MORROW FIRE</t>
  </si>
  <si>
    <t>720355-03732-2009.gz</t>
  </si>
  <si>
    <t>727458-99999-1996.gz</t>
  </si>
  <si>
    <t>KWIK RIVER</t>
  </si>
  <si>
    <t>702223-26602-2010.gz</t>
  </si>
  <si>
    <t>HORIZON</t>
  </si>
  <si>
    <t>722506-12959-2000.gz</t>
  </si>
  <si>
    <t>HONDA HILL</t>
  </si>
  <si>
    <t>727686-99999-2001.gz</t>
  </si>
  <si>
    <t>722570-03933-2006.gz</t>
  </si>
  <si>
    <t xml:space="preserve">FISHERMANS               </t>
  </si>
  <si>
    <t>FIDDYMENT</t>
  </si>
  <si>
    <t>FY2002-CHATTAHOOCHEE-016</t>
  </si>
  <si>
    <t>SCOUT HUT AND HOOSIER RD</t>
  </si>
  <si>
    <t>CAVANAL FIRE</t>
  </si>
  <si>
    <t>MORGAN RAN</t>
  </si>
  <si>
    <t>727873-99999-1998.gz</t>
  </si>
  <si>
    <t>NER-20141001-001</t>
  </si>
  <si>
    <t>I SEE SMOKE IN 114 FIRE</t>
  </si>
  <si>
    <t>747915-93718-2000.gz</t>
  </si>
  <si>
    <t>RED</t>
  </si>
  <si>
    <t>73 days 00:00:00.000000000</t>
  </si>
  <si>
    <t>725156-14748-2007.gz</t>
  </si>
  <si>
    <t>726555-99999-1992.gz</t>
  </si>
  <si>
    <t>PICKERING BRANCH</t>
  </si>
  <si>
    <t>CATARINA FIRE</t>
  </si>
  <si>
    <t>PONDEROSA</t>
  </si>
  <si>
    <t>726627-99999-1996.gz</t>
  </si>
  <si>
    <t>KELLOG</t>
  </si>
  <si>
    <t>722092-53941-2015.gz</t>
  </si>
  <si>
    <t>726370-14826-2003.gz</t>
  </si>
  <si>
    <t>FY2014-LINCOLN-004</t>
  </si>
  <si>
    <t>998205-99999-2013.gz</t>
  </si>
  <si>
    <t>BOWKER</t>
  </si>
  <si>
    <t>723346-03811-2014.gz</t>
  </si>
  <si>
    <t>727735-24139-2006.gz</t>
  </si>
  <si>
    <t>722290-03881-2004.gz</t>
  </si>
  <si>
    <t>722576-03902-2007.gz</t>
  </si>
  <si>
    <t xml:space="preserve">FRANKLIN                 </t>
  </si>
  <si>
    <t>724815-99999-1993.gz</t>
  </si>
  <si>
    <t>722103-99999-1996.gz</t>
  </si>
  <si>
    <t>SPARKS BROTHERS FIRE</t>
  </si>
  <si>
    <t>723635-03024-2014.gz</t>
  </si>
  <si>
    <t>HARRISON ASSIST</t>
  </si>
  <si>
    <t>CASEY POND</t>
  </si>
  <si>
    <t>727845-24163-1994.gz</t>
  </si>
  <si>
    <t>FY2001-SPALDING-013</t>
  </si>
  <si>
    <t>SOUTH WESLEYAN BLVD.</t>
  </si>
  <si>
    <t>723068-93759-2014.gz</t>
  </si>
  <si>
    <t>HOT FIRE</t>
  </si>
  <si>
    <t>WOODVILLE - 59</t>
  </si>
  <si>
    <t xml:space="preserve">CHARLAN                  </t>
  </si>
  <si>
    <t>745056-99999-2000.gz</t>
  </si>
  <si>
    <t>53 POYNER ROAD SOUTH</t>
  </si>
  <si>
    <t>747931-12876-2010.gz</t>
  </si>
  <si>
    <t>SCATTERED WILLOW</t>
  </si>
  <si>
    <t>722764-03029-2008.gz</t>
  </si>
  <si>
    <t>NUMBER 6</t>
  </si>
  <si>
    <t>HALE RIDGE #2</t>
  </si>
  <si>
    <t>722160-13869-2009.gz</t>
  </si>
  <si>
    <t>IRON PIN</t>
  </si>
  <si>
    <t>PARKER RIDGE</t>
  </si>
  <si>
    <t>725187-99999-2004.gz</t>
  </si>
  <si>
    <t>727770-94012-2010.gz</t>
  </si>
  <si>
    <t>TWIN POND</t>
  </si>
  <si>
    <t>723656-23049-2013.gz</t>
  </si>
  <si>
    <t>JOY ESTATES</t>
  </si>
  <si>
    <t>QUAIL</t>
  </si>
  <si>
    <t>690150-93121-2012.gz</t>
  </si>
  <si>
    <t>S HWY 29   KELSEYVILLE</t>
  </si>
  <si>
    <t>TORREON</t>
  </si>
  <si>
    <t>722300-53864-2002.gz</t>
  </si>
  <si>
    <t>724354-63815-2008.gz</t>
  </si>
  <si>
    <t>WHISKEY</t>
  </si>
  <si>
    <t>ALLAN</t>
  </si>
  <si>
    <t>722171-04889-2010.gz</t>
  </si>
  <si>
    <t>LITTLE CREEK 2</t>
  </si>
  <si>
    <t>LITTLE GRIDER</t>
  </si>
  <si>
    <t>148 days 00:00:00.000000000</t>
  </si>
  <si>
    <t>725946-24286-2007.gz</t>
  </si>
  <si>
    <t>MS0    0808-4370113004</t>
  </si>
  <si>
    <t>722347-13833-2007.gz</t>
  </si>
  <si>
    <t>FY2000-DECATUR-072</t>
  </si>
  <si>
    <t>SPRING HILL RD FIRE</t>
  </si>
  <si>
    <t>HENDERSON - 028</t>
  </si>
  <si>
    <t>FY2011-FLOYD-105</t>
  </si>
  <si>
    <t>WARM SPRINGS RIDGE</t>
  </si>
  <si>
    <t>722104-99999-2002.gz</t>
  </si>
  <si>
    <t>IBAPAH</t>
  </si>
  <si>
    <t>OLD SCHOOL</t>
  </si>
  <si>
    <t>726284-94836-2012.gz</t>
  </si>
  <si>
    <t>DESSERT ROAD FIRE</t>
  </si>
  <si>
    <t>724007-99999-2001.gz</t>
  </si>
  <si>
    <t>MS0    0808-4460306005</t>
  </si>
  <si>
    <t>JACK TAR 3</t>
  </si>
  <si>
    <t>NUMBER 2 ROAD (35)</t>
  </si>
  <si>
    <t>722213-12819-2013.gz</t>
  </si>
  <si>
    <t>724400-13995-1993.gz</t>
  </si>
  <si>
    <t>FM 60 E @ BRAZOS RIVER BRIDGE</t>
  </si>
  <si>
    <t>TURKEY POINT WEST (13)</t>
  </si>
  <si>
    <t>722026-12826-2012.gz</t>
  </si>
  <si>
    <t>723425-00373-2014.gz</t>
  </si>
  <si>
    <t>723405-03930-2012.gz</t>
  </si>
  <si>
    <t>AVE 18.5   MADERA_VALL 17</t>
  </si>
  <si>
    <t>FY2011-LAURENS-133</t>
  </si>
  <si>
    <t>720405-00436-2012.gz</t>
  </si>
  <si>
    <t>HUSTON SMITH</t>
  </si>
  <si>
    <t xml:space="preserve">DAVIS                    </t>
  </si>
  <si>
    <t>FRIEDMEAT RIDGE ROAD</t>
  </si>
  <si>
    <t>FY2001-JASPER-027</t>
  </si>
  <si>
    <t>REDROCK</t>
  </si>
  <si>
    <t>RAILTRACK</t>
  </si>
  <si>
    <t>723447-99999-1999.gz</t>
  </si>
  <si>
    <t>GOBBLER'S KNOB</t>
  </si>
  <si>
    <t>CARTER SPRINGS</t>
  </si>
  <si>
    <t>720739-00268-2014.gz</t>
  </si>
  <si>
    <t>SLIGO</t>
  </si>
  <si>
    <t>FY2000-GORDON-045</t>
  </si>
  <si>
    <t>SADDLE MOUNTAIN FIRE</t>
  </si>
  <si>
    <t>723177-63807-2006.gz</t>
  </si>
  <si>
    <t>FY2000-BURKE-085</t>
  </si>
  <si>
    <t>BONANZA CR</t>
  </si>
  <si>
    <t>FY2002-BURKE-015</t>
  </si>
  <si>
    <t>SLATE</t>
  </si>
  <si>
    <t>720267-23224-2011.gz</t>
  </si>
  <si>
    <t>FY2002-BERRIEN-058</t>
  </si>
  <si>
    <t>TRAILEE</t>
  </si>
  <si>
    <t>724125-03859-2011.gz</t>
  </si>
  <si>
    <t>722448-13972-2000.gz</t>
  </si>
  <si>
    <t>CHINATOWN2</t>
  </si>
  <si>
    <t>726183-99999-1997.gz</t>
  </si>
  <si>
    <t>LAW4914507</t>
  </si>
  <si>
    <t>724140-13866-2009.gz</t>
  </si>
  <si>
    <t>FY2014-CRAWFORD-010</t>
  </si>
  <si>
    <t>747806-63809-2013.gz</t>
  </si>
  <si>
    <t>FY2002-LAURENS-202</t>
  </si>
  <si>
    <t>JACOB</t>
  </si>
  <si>
    <t>720328-63832-2008.gz</t>
  </si>
  <si>
    <t>EASTRIOGRAND</t>
  </si>
  <si>
    <t>HENDERSON - 108</t>
  </si>
  <si>
    <t>723657-99999-2001.gz</t>
  </si>
  <si>
    <t>GATE</t>
  </si>
  <si>
    <t>720339-00121-2007.gz</t>
  </si>
  <si>
    <t>724455-14938-1999.gz</t>
  </si>
  <si>
    <t>CLEAR</t>
  </si>
  <si>
    <t>SMOKE CREEK</t>
  </si>
  <si>
    <t>FY2001-WILCOX-046</t>
  </si>
  <si>
    <t>722181-13837-2008.gz</t>
  </si>
  <si>
    <t>J.D.</t>
  </si>
  <si>
    <t>KNUTESON CREEK FIRE</t>
  </si>
  <si>
    <t xml:space="preserve">CREEK 2                  </t>
  </si>
  <si>
    <t>723896-93144-2008.gz</t>
  </si>
  <si>
    <t>FY2016-DADE-007</t>
  </si>
  <si>
    <t>727457-99999-2004.gz</t>
  </si>
  <si>
    <t>SACATE</t>
  </si>
  <si>
    <t>726414-99999-2004.gz</t>
  </si>
  <si>
    <t xml:space="preserve">POZO 3                   </t>
  </si>
  <si>
    <t>BARREDA GARDEN</t>
  </si>
  <si>
    <t>BOWL</t>
  </si>
  <si>
    <t>725784-04109-2013.gz</t>
  </si>
  <si>
    <t>UPPER BOX DEATH</t>
  </si>
  <si>
    <t>724756-99999-2002.gz</t>
  </si>
  <si>
    <t>BRITTON ROAD</t>
  </si>
  <si>
    <t>BUCKMAN(54)</t>
  </si>
  <si>
    <t>N. SUMMIT 1</t>
  </si>
  <si>
    <t>FY2015-UPSON-015</t>
  </si>
  <si>
    <t>747806-63809-2015.gz</t>
  </si>
  <si>
    <t>SHARP CEMETARY</t>
  </si>
  <si>
    <t>HOLY ELK</t>
  </si>
  <si>
    <t>744910-14703-2009.gz</t>
  </si>
  <si>
    <t>LIVINGSTON - 377</t>
  </si>
  <si>
    <t xml:space="preserve">HWY 152 HWY / CANADA RD  </t>
  </si>
  <si>
    <t>726055-04743-2008.gz</t>
  </si>
  <si>
    <t>HUNTERS RIDGE FIRE 2, 4-3-2011</t>
  </si>
  <si>
    <t>723105-03858-2014.gz</t>
  </si>
  <si>
    <t>724286-93824-2012.gz</t>
  </si>
  <si>
    <t>722488-99999-1999.gz</t>
  </si>
  <si>
    <t>725287-04724-2011.gz</t>
  </si>
  <si>
    <t xml:space="preserve">SAN JOAQUIN #2           </t>
  </si>
  <si>
    <t>BOBCAT</t>
  </si>
  <si>
    <t>727827-24110-2005.gz</t>
  </si>
  <si>
    <t>724237-99999-2002.gz</t>
  </si>
  <si>
    <t>GRASS FIRE FM 489 E</t>
  </si>
  <si>
    <t>724100-13733-2015.gz</t>
  </si>
  <si>
    <t>05-10-THUNDER ROAD FIRE-2011-07-0183</t>
  </si>
  <si>
    <t>720399-99999-2011.gz</t>
  </si>
  <si>
    <t>723147-99999-2001.gz</t>
  </si>
  <si>
    <t>723439-53918-2012.gz</t>
  </si>
  <si>
    <t>724338-13802-2013.gz</t>
  </si>
  <si>
    <t>HEBRON</t>
  </si>
  <si>
    <t>725087-14752-2012.gz</t>
  </si>
  <si>
    <t>KINGS CORNER</t>
  </si>
  <si>
    <t>FY2013-COLQUITT-030</t>
  </si>
  <si>
    <t>722147-53817-2012.gz</t>
  </si>
  <si>
    <t xml:space="preserve">TOLLHOUSE 6              </t>
  </si>
  <si>
    <t>DELONEGHA</t>
  </si>
  <si>
    <t>GUN RANGE</t>
  </si>
  <si>
    <t>WORTHAM</t>
  </si>
  <si>
    <t>747685-93874-2008.gz</t>
  </si>
  <si>
    <t>725866-99999-1999.gz</t>
  </si>
  <si>
    <t>743945-14710-2005.gz</t>
  </si>
  <si>
    <t xml:space="preserve">RUST                     </t>
  </si>
  <si>
    <t>725905-23275-1993.gz</t>
  </si>
  <si>
    <t>TUCKER</t>
  </si>
  <si>
    <t>724530-13969-2011.gz</t>
  </si>
  <si>
    <t>726166-99999-2001.gz</t>
  </si>
  <si>
    <t>WAGON WHEEL RD.</t>
  </si>
  <si>
    <t>720648-00230-2015.gz</t>
  </si>
  <si>
    <t>DOG TOWN COMPLEX</t>
  </si>
  <si>
    <t>724796-94128-2004.gz</t>
  </si>
  <si>
    <t>723400-03952-2012.gz</t>
  </si>
  <si>
    <t>SMALL TOWN RD. FIRE</t>
  </si>
  <si>
    <t>723069-99999-1997.gz</t>
  </si>
  <si>
    <t>720110-53983-2008.gz</t>
  </si>
  <si>
    <t>727470-14918-2003.gz</t>
  </si>
  <si>
    <t>SWEET WELL</t>
  </si>
  <si>
    <t>725824-03170-2008.gz</t>
  </si>
  <si>
    <t>720342-53947-2008.gz</t>
  </si>
  <si>
    <t>MS0    1010-1710307001</t>
  </si>
  <si>
    <t>ZODIAC 3</t>
  </si>
  <si>
    <t>LIVINGSTON - 90</t>
  </si>
  <si>
    <t>726457-99999-1995.gz</t>
  </si>
  <si>
    <t>723030-13714-1995.gz</t>
  </si>
  <si>
    <t>SOLADAD LANE</t>
  </si>
  <si>
    <t>JONES PRARIE</t>
  </si>
  <si>
    <t>726880-24155-1997.gz</t>
  </si>
  <si>
    <t>5400 CR 234</t>
  </si>
  <si>
    <t>726227-94790-2002.gz</t>
  </si>
  <si>
    <t xml:space="preserve">LIGHTNING 4-3            </t>
  </si>
  <si>
    <t>722040-12838-2005.gz</t>
  </si>
  <si>
    <t xml:space="preserve">MADISON                  </t>
  </si>
  <si>
    <t>747187-03104-1997.gz</t>
  </si>
  <si>
    <t>CREW CREEK</t>
  </si>
  <si>
    <t xml:space="preserve">FCO # 22                 </t>
  </si>
  <si>
    <t>WALDO</t>
  </si>
  <si>
    <t>726079-99999-1993.gz</t>
  </si>
  <si>
    <t>WHITE'S POND</t>
  </si>
  <si>
    <t>723034-93747-2007.gz</t>
  </si>
  <si>
    <t>724296-13841-2003.gz</t>
  </si>
  <si>
    <t>SPUR CAP</t>
  </si>
  <si>
    <t>HUBBARDS BRANCH ROAD</t>
  </si>
  <si>
    <t>FY2014-TATTNALL-016</t>
  </si>
  <si>
    <t>MS0    0808-3610326009</t>
  </si>
  <si>
    <t>FY2013-BERRIEN-008</t>
  </si>
  <si>
    <t>ROCKTHROWERS</t>
  </si>
  <si>
    <t>K-FARM</t>
  </si>
  <si>
    <t>FY2000-WILKINSON-042</t>
  </si>
  <si>
    <t>131 W SAGEBRUSH</t>
  </si>
  <si>
    <t>722524-12972-2014.gz</t>
  </si>
  <si>
    <t>CR 363 GRASS FIRE</t>
  </si>
  <si>
    <t>HOLLAND POINT</t>
  </si>
  <si>
    <t>KKA NW 12</t>
  </si>
  <si>
    <t>724116-13868-1996.gz</t>
  </si>
  <si>
    <t>725037-94745-2007.gz</t>
  </si>
  <si>
    <t>MS0    0808-1410324007</t>
  </si>
  <si>
    <t>FY2011-BURKE-030</t>
  </si>
  <si>
    <t>723489-03935-1996.gz</t>
  </si>
  <si>
    <t>ECR-20130126-001</t>
  </si>
  <si>
    <t>722284-03892-2012.gz</t>
  </si>
  <si>
    <t>725515-94947-2010.gz</t>
  </si>
  <si>
    <t>GRASS</t>
  </si>
  <si>
    <t>MICROWAVE TOWER ROAD FIRE</t>
  </si>
  <si>
    <t>723013-13748-1999.gz</t>
  </si>
  <si>
    <t>723446-13971-2004.gz</t>
  </si>
  <si>
    <t>PIERCE IC</t>
  </si>
  <si>
    <t>MEADOW VALLEY</t>
  </si>
  <si>
    <t>724846-53123-2009.gz</t>
  </si>
  <si>
    <t>723449-99999-2003.gz</t>
  </si>
  <si>
    <t>LOOP FENCE</t>
  </si>
  <si>
    <t>FY2002-LONG-013</t>
  </si>
  <si>
    <t>FY2011-MONROE-011</t>
  </si>
  <si>
    <t>TWO-WAY</t>
  </si>
  <si>
    <t>MEED LAKE</t>
  </si>
  <si>
    <t>726544-99999-1995.gz</t>
  </si>
  <si>
    <t>ROBERT BURNETTE</t>
  </si>
  <si>
    <t>BASELINE</t>
  </si>
  <si>
    <t>725416-99999-2001.gz</t>
  </si>
  <si>
    <t>PETEGAINES</t>
  </si>
  <si>
    <t>IRON HOUSE</t>
  </si>
  <si>
    <t>722688-93034-1992.gz</t>
  </si>
  <si>
    <t>COCKS COMB</t>
  </si>
  <si>
    <t>724735-23170-2006.gz</t>
  </si>
  <si>
    <t>VULCAN</t>
  </si>
  <si>
    <t>724677-99999-1996.gz</t>
  </si>
  <si>
    <t>722195-03888-2007.gz</t>
  </si>
  <si>
    <t>MONTURA RESERVOIR (26)</t>
  </si>
  <si>
    <t>723754-99999-2005.gz</t>
  </si>
  <si>
    <t>ORANGE GLOW</t>
  </si>
  <si>
    <t>KINGSBURY</t>
  </si>
  <si>
    <t>727825-94239-2005.gz</t>
  </si>
  <si>
    <t>726518-94990-2006.gz</t>
  </si>
  <si>
    <t>BUCK HOLLOW</t>
  </si>
  <si>
    <t>T KING</t>
  </si>
  <si>
    <t>727680-94008-1992.gz</t>
  </si>
  <si>
    <t>OLD RAILROAD</t>
  </si>
  <si>
    <t>UPPER CLEVLAND RAPIDS</t>
  </si>
  <si>
    <t>724800-23157-1998.gz</t>
  </si>
  <si>
    <t>MS0    1010-3510312001</t>
  </si>
  <si>
    <t>FY2014-LAURENS-049</t>
  </si>
  <si>
    <t>ONE SPOT (62) - 0204</t>
  </si>
  <si>
    <t>726487-99999-1997.gz</t>
  </si>
  <si>
    <t>722188-53985-2011.gz</t>
  </si>
  <si>
    <t>POWDER COM</t>
  </si>
  <si>
    <t>723403-13963-2010.gz</t>
  </si>
  <si>
    <t>OLDKENTON</t>
  </si>
  <si>
    <t>10-00399</t>
  </si>
  <si>
    <t>561EMAKER3</t>
  </si>
  <si>
    <t>725945-24283-1997.gz</t>
  </si>
  <si>
    <t>MARSH FORK</t>
  </si>
  <si>
    <t>726438-99999-2005.gz</t>
  </si>
  <si>
    <t>727468-04928-2015.gz</t>
  </si>
  <si>
    <t>TRAIL CREEK</t>
  </si>
  <si>
    <t>725865-99999-2000.gz</t>
  </si>
  <si>
    <t>STILLWATER</t>
  </si>
  <si>
    <t>724885-93102-1999.gz</t>
  </si>
  <si>
    <t>FY2000-COOK-127</t>
  </si>
  <si>
    <t>747900-13849-2015.gz</t>
  </si>
  <si>
    <t>727477-04970-2010.gz</t>
  </si>
  <si>
    <t xml:space="preserve">SUNNYSLOPE               </t>
  </si>
  <si>
    <t>724935-99999-1998.gz</t>
  </si>
  <si>
    <t>DEEP EAST</t>
  </si>
  <si>
    <t>26TH STREET</t>
  </si>
  <si>
    <t>725750-24126-1996.gz</t>
  </si>
  <si>
    <t>REED RD</t>
  </si>
  <si>
    <t>GRASS FIRE-CR 105</t>
  </si>
  <si>
    <t>ROSELAND FIRE</t>
  </si>
  <si>
    <t>SMOKE</t>
  </si>
  <si>
    <t>CR 215 FIRE</t>
  </si>
  <si>
    <t>723761-23901-2011.gz</t>
  </si>
  <si>
    <t>FIRETOWER RD.</t>
  </si>
  <si>
    <t>FY2000-LOWNDES-098</t>
  </si>
  <si>
    <t>FY2000-CHEROKEE-056</t>
  </si>
  <si>
    <t>ZIERS</t>
  </si>
  <si>
    <t>PRETTY BUTTE</t>
  </si>
  <si>
    <t>726777-99999-2003.gz</t>
  </si>
  <si>
    <t xml:space="preserve">POMO                     </t>
  </si>
  <si>
    <t>725905-23275-1994.gz</t>
  </si>
  <si>
    <t>VICKSBORO RD</t>
  </si>
  <si>
    <t>WHITE SHED</t>
  </si>
  <si>
    <t>724016-93736-2005.gz</t>
  </si>
  <si>
    <t>01022014B</t>
  </si>
  <si>
    <t>FY2011-BACON-070</t>
  </si>
  <si>
    <t>723160-13870-2011.gz</t>
  </si>
  <si>
    <t>724453-99999-2000.gz</t>
  </si>
  <si>
    <t>723424-99999-2002.gz</t>
  </si>
  <si>
    <t>WYO</t>
  </si>
  <si>
    <t>WINDMILL</t>
  </si>
  <si>
    <t>FY2001-TOOMBS-005</t>
  </si>
  <si>
    <t>724074-99999-1998.gz</t>
  </si>
  <si>
    <t>NOTCH</t>
  </si>
  <si>
    <t>UNDERHILL FIRE</t>
  </si>
  <si>
    <t>RBC - CORRAL LAKE</t>
  </si>
  <si>
    <t>727508-99999-2001.gz</t>
  </si>
  <si>
    <t>DUNHAM CREEK</t>
  </si>
  <si>
    <t>LINDEN - 6014</t>
  </si>
  <si>
    <t>724517-13940-2015.gz</t>
  </si>
  <si>
    <t>FY2001-RICHMOND-017</t>
  </si>
  <si>
    <t>FY2002-PIERCE-019</t>
  </si>
  <si>
    <t>CABIN FIRE</t>
  </si>
  <si>
    <t>CTR 2</t>
  </si>
  <si>
    <t>702670-26415-2008.gz</t>
  </si>
  <si>
    <t>HAMLET WOODS FIRE</t>
  </si>
  <si>
    <t>SILVER STREET CA</t>
  </si>
  <si>
    <t>JUNK CARS FIRE</t>
  </si>
  <si>
    <t>SMITH RANC</t>
  </si>
  <si>
    <t>HARRISON ST / AVE 54</t>
  </si>
  <si>
    <t>723114-03715-2014.gz</t>
  </si>
  <si>
    <t>726660-24029-1992.gz</t>
  </si>
  <si>
    <t>COURT2</t>
  </si>
  <si>
    <t>SILVA</t>
  </si>
  <si>
    <t>HOOT FIRE</t>
  </si>
  <si>
    <t>CYPRESS TREE FIRE</t>
  </si>
  <si>
    <t xml:space="preserve">LAZY                     </t>
  </si>
  <si>
    <t>MARION MANN ROAD  (12)</t>
  </si>
  <si>
    <t>747560-12816-2013.gz</t>
  </si>
  <si>
    <t>BUFORD WOOLVERTON</t>
  </si>
  <si>
    <t>723449-53954-2008.gz</t>
  </si>
  <si>
    <t>HIENRICH</t>
  </si>
  <si>
    <t xml:space="preserve">PG&amp;E #33                 </t>
  </si>
  <si>
    <t>722174-23097-2010.gz</t>
  </si>
  <si>
    <t>747807-03821-2008.gz</t>
  </si>
  <si>
    <t>722050-12815-1996.gz</t>
  </si>
  <si>
    <t>QUINN</t>
  </si>
  <si>
    <t>BUCK FORK</t>
  </si>
  <si>
    <t>020 EARLY MORNING</t>
  </si>
  <si>
    <t>747540-93915-2010.gz</t>
  </si>
  <si>
    <t>720397-00131-2009.gz</t>
  </si>
  <si>
    <t>MCKITTRICK</t>
  </si>
  <si>
    <t>RED MESA NHA</t>
  </si>
  <si>
    <t>722764-03029-2011.gz</t>
  </si>
  <si>
    <t>727449-04954-2010.gz</t>
  </si>
  <si>
    <t>FY2015-TALIAFERRO-004</t>
  </si>
  <si>
    <t>720347-63877-2014.gz</t>
  </si>
  <si>
    <t>LYNNFIELD</t>
  </si>
  <si>
    <t>725088-54733-2015.gz</t>
  </si>
  <si>
    <t>CR 136</t>
  </si>
  <si>
    <t>DENVER</t>
  </si>
  <si>
    <t>720415-00140-2015.gz</t>
  </si>
  <si>
    <t xml:space="preserve">CACTUS                   </t>
  </si>
  <si>
    <t>722866-99999-2009.gz</t>
  </si>
  <si>
    <t>HORSETAIL</t>
  </si>
  <si>
    <t>726987-99999-1998.gz</t>
  </si>
  <si>
    <t>DOBB'S FIRE</t>
  </si>
  <si>
    <t>727120-14607-1992.gz</t>
  </si>
  <si>
    <t>FY2012-SUMTER-015</t>
  </si>
  <si>
    <t>MS0    0909-2800306002</t>
  </si>
  <si>
    <t>MAGEE FIRE</t>
  </si>
  <si>
    <t>5 RIVERS #1</t>
  </si>
  <si>
    <t>726958-24285-2004.gz</t>
  </si>
  <si>
    <t>BOG LAKE</t>
  </si>
  <si>
    <t>727459-99999-1997.gz</t>
  </si>
  <si>
    <t>OCKLAWAHA CREEK (20)</t>
  </si>
  <si>
    <t>727825-94239-2003.gz</t>
  </si>
  <si>
    <t>6TH STREET ROAD</t>
  </si>
  <si>
    <t>725290-14768-2001.gz</t>
  </si>
  <si>
    <t>CATCLAW</t>
  </si>
  <si>
    <t>747950-99999-2003.gz</t>
  </si>
  <si>
    <t>JOY(54)</t>
  </si>
  <si>
    <t>BOMBING RANGE 1</t>
  </si>
  <si>
    <t>722213-99999-2003.gz</t>
  </si>
  <si>
    <t>CHURCH (54)</t>
  </si>
  <si>
    <t>BIG BANG</t>
  </si>
  <si>
    <t>727855-24114-2007.gz</t>
  </si>
  <si>
    <t>724620-23061-1996.gz</t>
  </si>
  <si>
    <t>BURTON</t>
  </si>
  <si>
    <t>722488-03996-2005.gz</t>
  </si>
  <si>
    <t>10 MILE</t>
  </si>
  <si>
    <t>723754-93027-2014.gz</t>
  </si>
  <si>
    <t>RL529</t>
  </si>
  <si>
    <t>SLOAN</t>
  </si>
  <si>
    <t>TURKEY PEN</t>
  </si>
  <si>
    <t>RILEY STREET</t>
  </si>
  <si>
    <t>RED LAKE 546</t>
  </si>
  <si>
    <t>MIL632910</t>
  </si>
  <si>
    <t>MS1710</t>
  </si>
  <si>
    <t>726387-14850-2006.gz</t>
  </si>
  <si>
    <t>RON</t>
  </si>
  <si>
    <t>726548-04971-2015.gz</t>
  </si>
  <si>
    <t>WINONA</t>
  </si>
  <si>
    <t xml:space="preserve">CAMP                     </t>
  </si>
  <si>
    <t>WHITMAN PASTURE FIRE</t>
  </si>
  <si>
    <t>12TH STREET</t>
  </si>
  <si>
    <t>BURROWS</t>
  </si>
  <si>
    <t xml:space="preserve">LOCAL VEG. FIRE          </t>
  </si>
  <si>
    <t>727505-04929-2008.gz</t>
  </si>
  <si>
    <t>CAMPBELL  4</t>
  </si>
  <si>
    <t>725945-24283-2012.gz</t>
  </si>
  <si>
    <t>CR 4371</t>
  </si>
  <si>
    <t>720305-53964-2010.gz</t>
  </si>
  <si>
    <t>FOLLETT GRASSFIRE</t>
  </si>
  <si>
    <t>UPPER COON HOLLOW</t>
  </si>
  <si>
    <t>MACK DAIRY (50)</t>
  </si>
  <si>
    <t>722189-92815-2013.gz</t>
  </si>
  <si>
    <t>CRESTON</t>
  </si>
  <si>
    <t>723677-23054-1998.gz</t>
  </si>
  <si>
    <t>HOUGH1</t>
  </si>
  <si>
    <t>722082-04876-2014.gz</t>
  </si>
  <si>
    <t>ORPHANGE</t>
  </si>
  <si>
    <t>726518-94990-2007.gz</t>
  </si>
  <si>
    <t>GRASS FIRE CR 107</t>
  </si>
  <si>
    <t>722600-03969-2015.gz</t>
  </si>
  <si>
    <t>HENRY MILLS</t>
  </si>
  <si>
    <t>725266-04751-2009.gz</t>
  </si>
  <si>
    <t>723118-53850-2011.gz</t>
  </si>
  <si>
    <t>MCINT5</t>
  </si>
  <si>
    <t>726685-99999-2000.gz</t>
  </si>
  <si>
    <t xml:space="preserve">PG&amp;E # 6                 </t>
  </si>
  <si>
    <t>725905-23275-1992.gz</t>
  </si>
  <si>
    <t>DISPATCH</t>
  </si>
  <si>
    <t>727677-99999-1999.gz</t>
  </si>
  <si>
    <t>724925-23240-1992.gz</t>
  </si>
  <si>
    <t>MCNEELY LANE #2</t>
  </si>
  <si>
    <t>994032-99999-2014.gz</t>
  </si>
  <si>
    <t>LOMA</t>
  </si>
  <si>
    <t>OLD GILEAD ROAD</t>
  </si>
  <si>
    <t>722132-63801-2013.gz</t>
  </si>
  <si>
    <t>RL129</t>
  </si>
  <si>
    <t>722904-03178-2011.gz</t>
  </si>
  <si>
    <t>ARROWHEAD</t>
  </si>
  <si>
    <t>SEABOARD</t>
  </si>
  <si>
    <t>NUECES ST</t>
  </si>
  <si>
    <t>FY2013-BEN HILL-038</t>
  </si>
  <si>
    <t>WASTE SITE</t>
  </si>
  <si>
    <t>FY2001-CARROLL-020</t>
  </si>
  <si>
    <t xml:space="preserve">CALDERA                  </t>
  </si>
  <si>
    <t>724917-23233-1996.gz</t>
  </si>
  <si>
    <t>722350-03940-2001.gz</t>
  </si>
  <si>
    <t>723145-03810-2005.gz</t>
  </si>
  <si>
    <t>PIUTE</t>
  </si>
  <si>
    <t xml:space="preserve">PGE #7                   </t>
  </si>
  <si>
    <t xml:space="preserve">SILENT                   </t>
  </si>
  <si>
    <t>TWIN SPAN</t>
  </si>
  <si>
    <t>720172-53996-2008.gz</t>
  </si>
  <si>
    <t>WEST SAGER</t>
  </si>
  <si>
    <t>727924-24223-1995.gz</t>
  </si>
  <si>
    <t>DODGE</t>
  </si>
  <si>
    <t>722784-99999-2000.gz</t>
  </si>
  <si>
    <t>722030-12844-1994.gz</t>
  </si>
  <si>
    <t>DEVIL'S WELL</t>
  </si>
  <si>
    <t xml:space="preserve">QUARTZ                   </t>
  </si>
  <si>
    <t>725955-24259-2001.gz</t>
  </si>
  <si>
    <t>RR 915/5 MI</t>
  </si>
  <si>
    <t>LOW GAP</t>
  </si>
  <si>
    <t>BABCOCK</t>
  </si>
  <si>
    <t>702740-25331-2012.gz</t>
  </si>
  <si>
    <t>FY2000-BALDWIN-054</t>
  </si>
  <si>
    <t>SEPTIC FIRE</t>
  </si>
  <si>
    <t>726468-54913-2015.gz</t>
  </si>
  <si>
    <t>MS0    0808-4371002001</t>
  </si>
  <si>
    <t>K10-155</t>
  </si>
  <si>
    <t xml:space="preserve">BIA # 13                 </t>
  </si>
  <si>
    <t>BOWMAN</t>
  </si>
  <si>
    <t>725905-23275-2003.gz</t>
  </si>
  <si>
    <t>FY2015-RICHMOND-003</t>
  </si>
  <si>
    <t>722181-13837-2014.gz</t>
  </si>
  <si>
    <t xml:space="preserve">RUN # 3                  </t>
  </si>
  <si>
    <t>SHE CALL IT</t>
  </si>
  <si>
    <t>SCOTT POINT</t>
  </si>
  <si>
    <t>REDFORD</t>
  </si>
  <si>
    <t>BLACK FORK</t>
  </si>
  <si>
    <t>REAL MCCOY</t>
  </si>
  <si>
    <t>WATERS RD. FIRE</t>
  </si>
  <si>
    <t>EYE BINDER</t>
  </si>
  <si>
    <t xml:space="preserve">FOREMAN RD #1 (66)      </t>
  </si>
  <si>
    <t>INCINERATOR FIRE</t>
  </si>
  <si>
    <t>723069-99999-2001.gz</t>
  </si>
  <si>
    <t>OSTRICH</t>
  </si>
  <si>
    <t>RENICK</t>
  </si>
  <si>
    <t>724127-99999-2002.gz</t>
  </si>
  <si>
    <t>AHORN</t>
  </si>
  <si>
    <t>141 days 00:00:00.000000000</t>
  </si>
  <si>
    <t>MS1806</t>
  </si>
  <si>
    <t>HUCKLEBERRY FIRE</t>
  </si>
  <si>
    <t>723068-99999-1999.gz</t>
  </si>
  <si>
    <t>LAGUNA FOREST FIRE (18)</t>
  </si>
  <si>
    <t>HANNA</t>
  </si>
  <si>
    <t>PINE TOP</t>
  </si>
  <si>
    <t>724007-03719-2008.gz</t>
  </si>
  <si>
    <t>BALDPEAK</t>
  </si>
  <si>
    <t>ONE TOE</t>
  </si>
  <si>
    <t>RACEPATH</t>
  </si>
  <si>
    <t>4 WHEELER</t>
  </si>
  <si>
    <t>723030-99999-2004.gz</t>
  </si>
  <si>
    <t>NER-20150622-001</t>
  </si>
  <si>
    <t>722285-03896-2015.gz</t>
  </si>
  <si>
    <t>MONA RES</t>
  </si>
  <si>
    <t>725724-99999-1994.gz</t>
  </si>
  <si>
    <t>RR 1</t>
  </si>
  <si>
    <t>726558-99999-2001.gz</t>
  </si>
  <si>
    <t xml:space="preserve">RDS.                     </t>
  </si>
  <si>
    <t>722079-99999-1994.gz</t>
  </si>
  <si>
    <t>DYLAN</t>
  </si>
  <si>
    <t>WEST RIM</t>
  </si>
  <si>
    <t>MEADOW CREEK</t>
  </si>
  <si>
    <t>PUMP HOUSE</t>
  </si>
  <si>
    <t>TROUT CREEK</t>
  </si>
  <si>
    <t>CARR GF</t>
  </si>
  <si>
    <t>A00008-12978-2010.gz</t>
  </si>
  <si>
    <t>720397-00131-2015.gz</t>
  </si>
  <si>
    <t>95 DEGREES IN MAY</t>
  </si>
  <si>
    <t>MEADOW</t>
  </si>
  <si>
    <t>726988-24219-1996.gz</t>
  </si>
  <si>
    <t xml:space="preserve">MINERS                   </t>
  </si>
  <si>
    <t>725130-14777-2002.gz</t>
  </si>
  <si>
    <t>272 QUARTERHORSE DR</t>
  </si>
  <si>
    <t xml:space="preserve">MT. EDDY                 </t>
  </si>
  <si>
    <t>DUG BAR RANCH</t>
  </si>
  <si>
    <t>AIMES</t>
  </si>
  <si>
    <t>727834-24136-2015.gz</t>
  </si>
  <si>
    <t>#10164</t>
  </si>
  <si>
    <t>725287-04724-2006.gz</t>
  </si>
  <si>
    <t>722245-03882-2009.gz</t>
  </si>
  <si>
    <t>OFF FIRE</t>
  </si>
  <si>
    <t>725824-99999-2001.gz</t>
  </si>
  <si>
    <t>720602-00194-2013.gz</t>
  </si>
  <si>
    <t>POWERLINE SOUTH</t>
  </si>
  <si>
    <t>19203 FM 429</t>
  </si>
  <si>
    <t>COLINA</t>
  </si>
  <si>
    <t>CEDAR WASH</t>
  </si>
  <si>
    <t xml:space="preserve">RICETON                  </t>
  </si>
  <si>
    <t>724053-99999-2002.gz</t>
  </si>
  <si>
    <t>FY2012-MURRAY-019</t>
  </si>
  <si>
    <t>MILL CR. PNF 848</t>
  </si>
  <si>
    <t>BRUSH HOG</t>
  </si>
  <si>
    <t>727926-99999-2004.gz</t>
  </si>
  <si>
    <t>726550-14926-2004.gz</t>
  </si>
  <si>
    <t xml:space="preserve">SHUSTER                  </t>
  </si>
  <si>
    <t>727504-94999-2010.gz</t>
  </si>
  <si>
    <t>BOTONE 5</t>
  </si>
  <si>
    <t>723550-13945-2012.gz</t>
  </si>
  <si>
    <t>NOR-20150616-001</t>
  </si>
  <si>
    <t>CHAPENO RD.</t>
  </si>
  <si>
    <t>722350-03940-1991.gz</t>
  </si>
  <si>
    <t>MP271.5</t>
  </si>
  <si>
    <t>727890-99999-2001.gz</t>
  </si>
  <si>
    <t>DILTS/DORR/ERWIN #1</t>
  </si>
  <si>
    <t>725686-99999-2000.gz</t>
  </si>
  <si>
    <t>725025-94741-2015.gz</t>
  </si>
  <si>
    <t>0368 TEN MILE CANYON</t>
  </si>
  <si>
    <t>FY2000-TERRELL-028</t>
  </si>
  <si>
    <t>723260-13891-2006.gz</t>
  </si>
  <si>
    <t>GOWER RD</t>
  </si>
  <si>
    <t>723235-13896-2012.gz</t>
  </si>
  <si>
    <t>WHYTSTONE3</t>
  </si>
  <si>
    <t>702650-99999-1994.gz</t>
  </si>
  <si>
    <t>5200 CR2128</t>
  </si>
  <si>
    <t>0718111 GRASS FIRE</t>
  </si>
  <si>
    <t>PAYNES CREEK</t>
  </si>
  <si>
    <t xml:space="preserve">MAD 735 3                </t>
  </si>
  <si>
    <t>HENRY BRADLEY ROAD FIRE</t>
  </si>
  <si>
    <t>2014-5</t>
  </si>
  <si>
    <t>UNION SCHOOLRD.</t>
  </si>
  <si>
    <t>SR 70 FIRE (41)</t>
  </si>
  <si>
    <t>722115-12871-2014.gz</t>
  </si>
  <si>
    <t>NIPPER</t>
  </si>
  <si>
    <t>FY2002-GILMER-006</t>
  </si>
  <si>
    <t>4-MILE RD.</t>
  </si>
  <si>
    <t>BULLDOG</t>
  </si>
  <si>
    <t>TABLE MOUNTAIN</t>
  </si>
  <si>
    <t>726650-94023-2010.gz</t>
  </si>
  <si>
    <t>722050-12815-1991.gz</t>
  </si>
  <si>
    <t>720647-00229-2011.gz</t>
  </si>
  <si>
    <t>FORBIDDEN</t>
  </si>
  <si>
    <t>122 days 00:00:00.000000000</t>
  </si>
  <si>
    <t>720652-00433-2013.gz</t>
  </si>
  <si>
    <t>NER-20120412-004</t>
  </si>
  <si>
    <t>THE THOMAS FIRE</t>
  </si>
  <si>
    <t>TRVFD2009-18</t>
  </si>
  <si>
    <t>ALEX CK</t>
  </si>
  <si>
    <t>LONER</t>
  </si>
  <si>
    <t>727720-24144-1998.gz</t>
  </si>
  <si>
    <t>SUNDUST</t>
  </si>
  <si>
    <t>722780-23183-1993.gz</t>
  </si>
  <si>
    <t>722312-03908-2011.gz</t>
  </si>
  <si>
    <t>726457-99999-1994.gz</t>
  </si>
  <si>
    <t>124930-05438-03142015-1326</t>
  </si>
  <si>
    <t>ECR-20130426-001</t>
  </si>
  <si>
    <t>722250-13829-2013.gz</t>
  </si>
  <si>
    <t>BIG SIGN</t>
  </si>
  <si>
    <t>LIVINGSTON - 70</t>
  </si>
  <si>
    <t>722444-53902-2011.gz</t>
  </si>
  <si>
    <t>EXPERIMENTAL STATION</t>
  </si>
  <si>
    <t>785265-00494-2015.gz</t>
  </si>
  <si>
    <t>COVE LAKE #2</t>
  </si>
  <si>
    <t>LARRY</t>
  </si>
  <si>
    <t>727687-99999-2003.gz</t>
  </si>
  <si>
    <t>POZO</t>
  </si>
  <si>
    <t>CHINA</t>
  </si>
  <si>
    <t>MS0    0909-6260322005</t>
  </si>
  <si>
    <t>MARKLEY CEMETARY</t>
  </si>
  <si>
    <t>SWR-20131113-001</t>
  </si>
  <si>
    <t xml:space="preserve">MARIPOSA                 </t>
  </si>
  <si>
    <t>722265-13821-1994.gz</t>
  </si>
  <si>
    <t>FY2001-CHATHAM-034</t>
  </si>
  <si>
    <t>011-141</t>
  </si>
  <si>
    <t>720299-53966-2011.gz</t>
  </si>
  <si>
    <t>720949-00329-2013.gz</t>
  </si>
  <si>
    <t>FY2002-OGLETHORPE-021</t>
  </si>
  <si>
    <t>12 MILE</t>
  </si>
  <si>
    <t>726904-99999-2003.gz</t>
  </si>
  <si>
    <t>STONERIDGE</t>
  </si>
  <si>
    <t>725970-24225-2004.gz</t>
  </si>
  <si>
    <t>723116-03742-2008.gz</t>
  </si>
  <si>
    <t>EAGLE AV / CHAPARROSA ST</t>
  </si>
  <si>
    <t>690150-93121-2011.gz</t>
  </si>
  <si>
    <t>SYCAMORE#8</t>
  </si>
  <si>
    <t>INTERNATIONAL PAPER</t>
  </si>
  <si>
    <t>OMO</t>
  </si>
  <si>
    <t>SOUTH PRONG #125</t>
  </si>
  <si>
    <t>FY2002-WAYNE-090</t>
  </si>
  <si>
    <t>2011-60</t>
  </si>
  <si>
    <t>PARKSIDE TOWN COMMONS</t>
  </si>
  <si>
    <t>SWR-20141008-001</t>
  </si>
  <si>
    <t>PLAYOFF</t>
  </si>
  <si>
    <t>MS0    0808-3650316002</t>
  </si>
  <si>
    <t>MP 230.7</t>
  </si>
  <si>
    <t>FY2013-POLK-056</t>
  </si>
  <si>
    <t>BURNING TRUCK</t>
  </si>
  <si>
    <t>GOURD</t>
  </si>
  <si>
    <t>WS</t>
  </si>
  <si>
    <t>MS0    1010-5450306010</t>
  </si>
  <si>
    <t>726379-14845-1994.gz</t>
  </si>
  <si>
    <t>LINDEN - 112</t>
  </si>
  <si>
    <t>LAGOON E</t>
  </si>
  <si>
    <t>724810-23203-2005.gz</t>
  </si>
  <si>
    <t>WATERTANK</t>
  </si>
  <si>
    <t>727856-99999-1993.gz</t>
  </si>
  <si>
    <t>BULL</t>
  </si>
  <si>
    <t>723700-93167-2002.gz</t>
  </si>
  <si>
    <t>723084-99999-2004.gz</t>
  </si>
  <si>
    <t>EVA ST.</t>
  </si>
  <si>
    <t>MAGIC</t>
  </si>
  <si>
    <t>724014-99999-2003.gz</t>
  </si>
  <si>
    <t>VALLELUNGA</t>
  </si>
  <si>
    <t>DEJA VU STRIKE</t>
  </si>
  <si>
    <t>747686-13820-2011.gz</t>
  </si>
  <si>
    <t>FM 3278</t>
  </si>
  <si>
    <t>CLA16644180</t>
  </si>
  <si>
    <t>723118-99999-2001.gz</t>
  </si>
  <si>
    <t>720611-00202-2011.gz</t>
  </si>
  <si>
    <t>722265-13821-1996.gz</t>
  </si>
  <si>
    <t>POTTER</t>
  </si>
  <si>
    <t>722136-53883-2008.gz</t>
  </si>
  <si>
    <t>SMITH</t>
  </si>
  <si>
    <t>FY2002-BRANTLEY-018</t>
  </si>
  <si>
    <t>OR-MAF-206</t>
  </si>
  <si>
    <t>726083-99999-2000.gz</t>
  </si>
  <si>
    <t>HORTON</t>
  </si>
  <si>
    <t>CLINCH MTN CHURCH</t>
  </si>
  <si>
    <t>PARTIN</t>
  </si>
  <si>
    <t>ECR-20141220-001</t>
  </si>
  <si>
    <t>722265-13821-2014.gz</t>
  </si>
  <si>
    <t>720258-04997-2008.gz</t>
  </si>
  <si>
    <t>BAHAM</t>
  </si>
  <si>
    <t>724400-13995-2002.gz</t>
  </si>
  <si>
    <t>722174-23097-2014.gz</t>
  </si>
  <si>
    <t>WHISPERING PINES (57)</t>
  </si>
  <si>
    <t>GRASS/WOODS/IDLEWOOD</t>
  </si>
  <si>
    <t>364MM</t>
  </si>
  <si>
    <t>727458-99999-1993.gz</t>
  </si>
  <si>
    <t>DOUBLE L</t>
  </si>
  <si>
    <t>NENAHNEZAD 1</t>
  </si>
  <si>
    <t>FY2000-MONROE-083</t>
  </si>
  <si>
    <t>GREENWOOD</t>
  </si>
  <si>
    <t>727924-24223-2015.gz</t>
  </si>
  <si>
    <t xml:space="preserve">VERNON                   </t>
  </si>
  <si>
    <t>ROBERTSON FIRE</t>
  </si>
  <si>
    <t>CLOVER</t>
  </si>
  <si>
    <t>725835-24119-1998.gz</t>
  </si>
  <si>
    <t>ANDERSON GRASS FIRE</t>
  </si>
  <si>
    <t>727456-99999-1993.gz</t>
  </si>
  <si>
    <t>BOARDTREE</t>
  </si>
  <si>
    <t>METEOR II</t>
  </si>
  <si>
    <t>GOODE</t>
  </si>
  <si>
    <t>727795-99999-2002.gz</t>
  </si>
  <si>
    <t>197TH (61)</t>
  </si>
  <si>
    <t>FY2011-BROOKS-078</t>
  </si>
  <si>
    <t>720738-00267-2011.gz</t>
  </si>
  <si>
    <t>NORTH FORK</t>
  </si>
  <si>
    <t>CORNELL</t>
  </si>
  <si>
    <t>724036-99999-1992.gz</t>
  </si>
  <si>
    <t>CLOVERDALE ADDITION</t>
  </si>
  <si>
    <t>VALLE</t>
  </si>
  <si>
    <t>CROSSROADS ROAD</t>
  </si>
  <si>
    <t>FY2012-LIBERTY-020</t>
  </si>
  <si>
    <t>722090-03875-2012.gz</t>
  </si>
  <si>
    <t>726464-99999-2002.gz</t>
  </si>
  <si>
    <t>723406-99999-2000.gz</t>
  </si>
  <si>
    <t>723347-03809-2004.gz</t>
  </si>
  <si>
    <t>FY2002-TAYLOR-015</t>
  </si>
  <si>
    <t>724106-13728-2007.gz</t>
  </si>
  <si>
    <t>LIVINGSTON - 19</t>
  </si>
  <si>
    <t>8281 SILVER MAPLE</t>
  </si>
  <si>
    <t>722429-53910-2013.gz</t>
  </si>
  <si>
    <t>MM 2127   ( 06 )</t>
  </si>
  <si>
    <t>TIE CAMP</t>
  </si>
  <si>
    <t>OLDMOUSE</t>
  </si>
  <si>
    <t>BURNT SHEEP</t>
  </si>
  <si>
    <t>FY2001-WORTH-079</t>
  </si>
  <si>
    <t>CEDARBEND FIRE</t>
  </si>
  <si>
    <t>DORCHESTER 2</t>
  </si>
  <si>
    <t xml:space="preserve">RANCHO                   </t>
  </si>
  <si>
    <t xml:space="preserve">FKU 40715                </t>
  </si>
  <si>
    <t>HIDIAWAY</t>
  </si>
  <si>
    <t>COLE FARM</t>
  </si>
  <si>
    <t>EARLY</t>
  </si>
  <si>
    <t>04-61-NOV/204TH STREET FIRE-1824</t>
  </si>
  <si>
    <t>723114-03715-2008.gz</t>
  </si>
  <si>
    <t>724094-54743-2009.gz</t>
  </si>
  <si>
    <t>GRASS FIRE FM 1562</t>
  </si>
  <si>
    <t>722029-99999-1994.gz</t>
  </si>
  <si>
    <t>TRVFD2011-115</t>
  </si>
  <si>
    <t>723118-53850-2012.gz</t>
  </si>
  <si>
    <t>720611-00202-2012.gz</t>
  </si>
  <si>
    <t>HWY 178 CLAY POLE</t>
  </si>
  <si>
    <t>726555-99999-1993.gz</t>
  </si>
  <si>
    <t>KENT</t>
  </si>
  <si>
    <t>723676-23048-2011.gz</t>
  </si>
  <si>
    <t>725621-99999-2005.gz</t>
  </si>
  <si>
    <t xml:space="preserve">PG&amp;E                     </t>
  </si>
  <si>
    <t>FM 171</t>
  </si>
  <si>
    <t>NINETEEN</t>
  </si>
  <si>
    <t>WAGON (05)</t>
  </si>
  <si>
    <t>747930-12843-2013.gz</t>
  </si>
  <si>
    <t>744864-54787-2008.gz</t>
  </si>
  <si>
    <t>GREY BEARD(54)</t>
  </si>
  <si>
    <t>CHESSY CREEK RD.</t>
  </si>
  <si>
    <t>CUT OFF</t>
  </si>
  <si>
    <t>723825-23131-1992.gz</t>
  </si>
  <si>
    <t>BULLET NOSE</t>
  </si>
  <si>
    <t>MP 157</t>
  </si>
  <si>
    <t>MARSH 4</t>
  </si>
  <si>
    <t>725895-94236-2010.gz</t>
  </si>
  <si>
    <t>2233 HWY.11 WEST</t>
  </si>
  <si>
    <t>FY2012-MCINTOSH-021</t>
  </si>
  <si>
    <t>722136-53883-2012.gz</t>
  </si>
  <si>
    <t>MCCRACKEN MESA</t>
  </si>
  <si>
    <t>724767-93069-2006.gz</t>
  </si>
  <si>
    <t>HENDERSON - 009</t>
  </si>
  <si>
    <t>RUDOLPH TREE FIRE</t>
  </si>
  <si>
    <t>994800-99999-2014.gz</t>
  </si>
  <si>
    <t>727937-24222-2010.gz</t>
  </si>
  <si>
    <t>HUDSON</t>
  </si>
  <si>
    <t>FERN</t>
  </si>
  <si>
    <t>KEBO</t>
  </si>
  <si>
    <t>725895-99999-2002.gz</t>
  </si>
  <si>
    <t>725045-14758-2007.gz</t>
  </si>
  <si>
    <t>725314-99999-1998.gz</t>
  </si>
  <si>
    <t>722174-23097-2009.gz</t>
  </si>
  <si>
    <t>483 MM4</t>
  </si>
  <si>
    <t>BELL HILL</t>
  </si>
  <si>
    <t>727130-14604-2015.gz</t>
  </si>
  <si>
    <t>ACTON HWY</t>
  </si>
  <si>
    <t>NOWLING DRIVE (57)</t>
  </si>
  <si>
    <t>723447-03918-2014.gz</t>
  </si>
  <si>
    <t>NOR-20121109-001</t>
  </si>
  <si>
    <t>725476-04916-2014.gz</t>
  </si>
  <si>
    <t>CHESTNUT GROVE CHURCH FIR</t>
  </si>
  <si>
    <t>MONSTER</t>
  </si>
  <si>
    <t>STRANAGE CREEK</t>
  </si>
  <si>
    <t>101 FIRE</t>
  </si>
  <si>
    <t>154 DOVE FIELD</t>
  </si>
  <si>
    <t>722055-99999-2001.gz</t>
  </si>
  <si>
    <t>4816 RED OAK TRAIL</t>
  </si>
  <si>
    <t>LIVINGSTON - 80</t>
  </si>
  <si>
    <t>WS2716</t>
  </si>
  <si>
    <t>#242</t>
  </si>
  <si>
    <t>LITTLE MILL</t>
  </si>
  <si>
    <t>OAK HILL SCHOOL</t>
  </si>
  <si>
    <t>726945-24202-2015.gz</t>
  </si>
  <si>
    <t>TUPIKCHAK CREEK</t>
  </si>
  <si>
    <t>701045-26649-2007.gz</t>
  </si>
  <si>
    <t>NWR-20141203-001</t>
  </si>
  <si>
    <t>BOGGY HEAD</t>
  </si>
  <si>
    <t>720598-00191-2014.gz</t>
  </si>
  <si>
    <t>724100-13733-2004.gz</t>
  </si>
  <si>
    <t>723446-13971-2001.gz</t>
  </si>
  <si>
    <t>HWY 380 W HONEYHOLLOW RANCH</t>
  </si>
  <si>
    <t>ODLE</t>
  </si>
  <si>
    <t>SHARPS RIDGE TOWER</t>
  </si>
  <si>
    <t>CHERRY CREEK</t>
  </si>
  <si>
    <t>VAL VERDE</t>
  </si>
  <si>
    <t>724105-99999-2000.gz</t>
  </si>
  <si>
    <t>JUANITA 2</t>
  </si>
  <si>
    <t>TICK</t>
  </si>
  <si>
    <t>HEEB</t>
  </si>
  <si>
    <t>BONITA SPRINGS FIRE</t>
  </si>
  <si>
    <t>722029-12888-2011.gz</t>
  </si>
  <si>
    <t>BRUSH PILE</t>
  </si>
  <si>
    <t>720622-99999-2013.gz</t>
  </si>
  <si>
    <t>LIMBERHAND</t>
  </si>
  <si>
    <t>NER-20150624-001</t>
  </si>
  <si>
    <t>SIMPSON BU</t>
  </si>
  <si>
    <t>HWY160</t>
  </si>
  <si>
    <t>RU #170</t>
  </si>
  <si>
    <t>DEVINNEY</t>
  </si>
  <si>
    <t>723575-03950-2010.gz</t>
  </si>
  <si>
    <t>GIDBROWNHO</t>
  </si>
  <si>
    <t>723098-99999-2005.gz</t>
  </si>
  <si>
    <t>725750-24126-2005.gz</t>
  </si>
  <si>
    <t>FY2001-CHATTOOGA-093</t>
  </si>
  <si>
    <t>747812-99999-2003.gz</t>
  </si>
  <si>
    <t>CULBRETH ROAD FIRE</t>
  </si>
  <si>
    <t>MT. GROVE</t>
  </si>
  <si>
    <t>WILLIAMSON 109</t>
  </si>
  <si>
    <t>725895-94236-2015.gz</t>
  </si>
  <si>
    <t>RAILROAD DEPOT TO FM18</t>
  </si>
  <si>
    <t>SALOME</t>
  </si>
  <si>
    <t>PARSAGE</t>
  </si>
  <si>
    <t>OLD HOUSE BRANCH</t>
  </si>
  <si>
    <t>RIGHT FORK</t>
  </si>
  <si>
    <t>722530-12921-2010.gz</t>
  </si>
  <si>
    <t>BAGLEY FIRE</t>
  </si>
  <si>
    <t>HAWK  ROAD</t>
  </si>
  <si>
    <t>725266-04751-2012.gz</t>
  </si>
  <si>
    <t>TURTLE 3</t>
  </si>
  <si>
    <t>727555-94956-2010.gz</t>
  </si>
  <si>
    <t>2050 CR 110</t>
  </si>
  <si>
    <t>PEWO</t>
  </si>
  <si>
    <t>723550-99999-2003.gz</t>
  </si>
  <si>
    <t>COLEMAN</t>
  </si>
  <si>
    <t>727834-24136-2006.gz</t>
  </si>
  <si>
    <t xml:space="preserve">FAIRFAX                  </t>
  </si>
  <si>
    <t>FY2014-WHITE-002</t>
  </si>
  <si>
    <t>GRASS FIRE ON SE 0060</t>
  </si>
  <si>
    <t>720645-00227-2013.gz</t>
  </si>
  <si>
    <t>10584 US87N/PETERPRAIRIESCHOOLHOUSE</t>
  </si>
  <si>
    <t>DIRECT GRASS FIRE</t>
  </si>
  <si>
    <t>NICKOWITZ CONTINGENCY</t>
  </si>
  <si>
    <t>MS0    0808-1580325008</t>
  </si>
  <si>
    <t>SHYTLE ROAD FIRE</t>
  </si>
  <si>
    <t>723144-53890-2012.gz</t>
  </si>
  <si>
    <t>MOUNTAIN BIKE TRAIL FIRE</t>
  </si>
  <si>
    <t>723194-53872-2009.gz</t>
  </si>
  <si>
    <t>MY NEW FRIEND</t>
  </si>
  <si>
    <t>TRVFD2009-101</t>
  </si>
  <si>
    <t>722024-99999-1996.gz</t>
  </si>
  <si>
    <t>723034-93747-2008.gz</t>
  </si>
  <si>
    <t>722060-13889-2006.gz</t>
  </si>
  <si>
    <t>723723-23184-2006.gz</t>
  </si>
  <si>
    <t>QUITTIN' TIME</t>
  </si>
  <si>
    <t>723119-13886-2013.gz</t>
  </si>
  <si>
    <t>LEE FIRE</t>
  </si>
  <si>
    <t>727477-04970-2008.gz</t>
  </si>
  <si>
    <t xml:space="preserve">WEOTT                    </t>
  </si>
  <si>
    <t>NOR-20151126-002</t>
  </si>
  <si>
    <t>ALLEGAN 05</t>
  </si>
  <si>
    <t>726357-94815-2015.gz</t>
  </si>
  <si>
    <t>CHAIN OF EVENTS FIRE</t>
  </si>
  <si>
    <t>723147-53870-2010.gz</t>
  </si>
  <si>
    <t>ROLLOVER</t>
  </si>
  <si>
    <t>RED OAK CREEK</t>
  </si>
  <si>
    <t>720633-00219-2012.gz</t>
  </si>
  <si>
    <t>CARQUINEZ SCENIC DR / TAL</t>
  </si>
  <si>
    <t>747240-23168-1992.gz</t>
  </si>
  <si>
    <t>41ST AVE  (11)</t>
  </si>
  <si>
    <t>722038-12897-2015.gz</t>
  </si>
  <si>
    <t>LOOKOUT BAPTIST RD.</t>
  </si>
  <si>
    <t>SHEPARD</t>
  </si>
  <si>
    <t>723840-23155-2010.gz</t>
  </si>
  <si>
    <t>CAT GULCH</t>
  </si>
  <si>
    <t>ASPESI</t>
  </si>
  <si>
    <t>MARQUEZ</t>
  </si>
  <si>
    <t>720303-53973-2009.gz</t>
  </si>
  <si>
    <t>RAEMON RD</t>
  </si>
  <si>
    <t>LAST CHANCE</t>
  </si>
  <si>
    <t>TYLER CANYON WFU</t>
  </si>
  <si>
    <t>66 days 00:00:00.000000000</t>
  </si>
  <si>
    <t>724503-99999-2004.gz</t>
  </si>
  <si>
    <t>747809-99999-2003.gz</t>
  </si>
  <si>
    <t>ISAACS HAY FIELD</t>
  </si>
  <si>
    <t>720273-12981-2011.gz</t>
  </si>
  <si>
    <t>CORBY ROAD FIRE</t>
  </si>
  <si>
    <t>IRON PADDLE</t>
  </si>
  <si>
    <t>720322-04129-2009.gz</t>
  </si>
  <si>
    <t>FY2000-LONG-034</t>
  </si>
  <si>
    <t xml:space="preserve">STATE OF CALIFORNIA      </t>
  </si>
  <si>
    <t>723896-99999-1995.gz</t>
  </si>
  <si>
    <t>NON CABINS FIRE</t>
  </si>
  <si>
    <t>722198-63819-2002.gz</t>
  </si>
  <si>
    <t>722587-93955-2012.gz</t>
  </si>
  <si>
    <t>BEDINARK FIRE</t>
  </si>
  <si>
    <t>725467-04973-2009.gz</t>
  </si>
  <si>
    <t>FY2013-CRAWFORD-015</t>
  </si>
  <si>
    <t xml:space="preserve">CARROLL                  </t>
  </si>
  <si>
    <t>RUSH BRANCH</t>
  </si>
  <si>
    <t>BECK BRANCH</t>
  </si>
  <si>
    <t>720623-99999-2012.gz</t>
  </si>
  <si>
    <t>FY2013-SCREVEN-008</t>
  </si>
  <si>
    <t>720301-63846-2012.gz</t>
  </si>
  <si>
    <t>BIGCANYON</t>
  </si>
  <si>
    <t>725869-94186-1999.gz</t>
  </si>
  <si>
    <t xml:space="preserve">HAGERMAN                 </t>
  </si>
  <si>
    <t>FY2012-RICHMOND-035</t>
  </si>
  <si>
    <t>SCARFACE</t>
  </si>
  <si>
    <t>722334-03976-2013.gz</t>
  </si>
  <si>
    <t>BUCKSKINCK</t>
  </si>
  <si>
    <t>720734-00264-2011.gz</t>
  </si>
  <si>
    <t>MCMURREY RD. FIRE</t>
  </si>
  <si>
    <t>ROWDY LOW GAP</t>
  </si>
  <si>
    <t>TETON</t>
  </si>
  <si>
    <t>725868-99999-1992.gz</t>
  </si>
  <si>
    <t>722899-99999-2001.gz</t>
  </si>
  <si>
    <t>723090-13754-1993.gz</t>
  </si>
  <si>
    <t>FY2001-BROOKS-052</t>
  </si>
  <si>
    <t>LARRY EDDY</t>
  </si>
  <si>
    <t>EAST CTE, KILLEEN</t>
  </si>
  <si>
    <t>722575-03972-2009.gz</t>
  </si>
  <si>
    <t>FY2002-PUTNAM-048</t>
  </si>
  <si>
    <t>723403-13963-2008.gz</t>
  </si>
  <si>
    <t>RL96</t>
  </si>
  <si>
    <t>POUNDS BRANCH</t>
  </si>
  <si>
    <t>COLTON</t>
  </si>
  <si>
    <t>726667-99999-2001.gz</t>
  </si>
  <si>
    <t>VERNON STREET FIRE</t>
  </si>
  <si>
    <t>MS0    1111-5790220023</t>
  </si>
  <si>
    <t>722320-13970-2011.gz</t>
  </si>
  <si>
    <t>FLANAGAN</t>
  </si>
  <si>
    <t>MANCOSFARM</t>
  </si>
  <si>
    <t xml:space="preserve">LIGHT #7 - LUCKY         </t>
  </si>
  <si>
    <t>ROCK SHOP</t>
  </si>
  <si>
    <t>EMERALD</t>
  </si>
  <si>
    <t>720165-99999-2008.gz</t>
  </si>
  <si>
    <t>722489-53911-2007.gz</t>
  </si>
  <si>
    <t>GRASS FIRE 301 FCR402</t>
  </si>
  <si>
    <t xml:space="preserve">"GARLAND,G"              </t>
  </si>
  <si>
    <t>747750-13846-1999.gz</t>
  </si>
  <si>
    <t>722544-13958-2004.gz</t>
  </si>
  <si>
    <t>FY2011-WARE-070</t>
  </si>
  <si>
    <t>722130-13861-2011.gz</t>
  </si>
  <si>
    <t>SANTA CLARA</t>
  </si>
  <si>
    <t>MINTO</t>
  </si>
  <si>
    <t>722926-03154-2004.gz</t>
  </si>
  <si>
    <t>MOUNTAIN HOUSE</t>
  </si>
  <si>
    <t>MYSTERY</t>
  </si>
  <si>
    <t>MORRIS</t>
  </si>
  <si>
    <t>726545-99999-2000.gz</t>
  </si>
  <si>
    <t>725499-94991-2013.gz</t>
  </si>
  <si>
    <t>726550-14926-2003.gz</t>
  </si>
  <si>
    <t>WILLY JOE</t>
  </si>
  <si>
    <t>722788-99999-1996.gz</t>
  </si>
  <si>
    <t>720397-00131-2014.gz</t>
  </si>
  <si>
    <t>FUTON FIRE</t>
  </si>
  <si>
    <t>722542-03999-2011.gz</t>
  </si>
  <si>
    <t>722721-93063-2010.gz</t>
  </si>
  <si>
    <t>RFR 1994 #1</t>
  </si>
  <si>
    <t>ECR-20120627-003</t>
  </si>
  <si>
    <t>726665-99999-1992.gz</t>
  </si>
  <si>
    <t>722079-99999-2004.gz</t>
  </si>
  <si>
    <t>MS0    1010-3310402001</t>
  </si>
  <si>
    <t>726228-99999-2005.gz</t>
  </si>
  <si>
    <t>PIEDMONT POOLROOM</t>
  </si>
  <si>
    <t>HCR 1433</t>
  </si>
  <si>
    <t>115 N DAVIS</t>
  </si>
  <si>
    <t>720271-03044-2013.gz</t>
  </si>
  <si>
    <t>RL188</t>
  </si>
  <si>
    <t>725636-24017-2009.gz</t>
  </si>
  <si>
    <t>727503-04909-2014.gz</t>
  </si>
  <si>
    <t>COCHITI</t>
  </si>
  <si>
    <t>723656-23049-2000.gz</t>
  </si>
  <si>
    <t>CHARLEY R</t>
  </si>
  <si>
    <t>724880-23185-2002.gz</t>
  </si>
  <si>
    <t>JULIAN</t>
  </si>
  <si>
    <t>723418-13977-1994.gz</t>
  </si>
  <si>
    <t xml:space="preserve">MID/CAL.                 </t>
  </si>
  <si>
    <t>13-0029</t>
  </si>
  <si>
    <t>722469-53912-2013.gz</t>
  </si>
  <si>
    <t xml:space="preserve">PG&amp;E #11                 </t>
  </si>
  <si>
    <t>724920-23237-1994.gz</t>
  </si>
  <si>
    <t>725408-99999-2004.gz</t>
  </si>
  <si>
    <t xml:space="preserve">MENDOTA #68              </t>
  </si>
  <si>
    <t>LINDEN - 610</t>
  </si>
  <si>
    <t xml:space="preserve">DURA                     </t>
  </si>
  <si>
    <t>723625-93057-2012.gz</t>
  </si>
  <si>
    <t>HAY</t>
  </si>
  <si>
    <t>720302-53963-2010.gz</t>
  </si>
  <si>
    <t>HILLSIDE</t>
  </si>
  <si>
    <t>723895-99999-2004.gz</t>
  </si>
  <si>
    <t>50 HOMES</t>
  </si>
  <si>
    <t xml:space="preserve">NIELSON                  </t>
  </si>
  <si>
    <t>726163-54770-2012.gz</t>
  </si>
  <si>
    <t>EVANS RANCH</t>
  </si>
  <si>
    <t>725825-24121-2002.gz</t>
  </si>
  <si>
    <t>MARSHALL FIRE</t>
  </si>
  <si>
    <t>PP#E1728</t>
  </si>
  <si>
    <t>726284-94836-2008.gz</t>
  </si>
  <si>
    <t>FY2000-MURRAY-114</t>
  </si>
  <si>
    <t>FY2002-TERRELL-027</t>
  </si>
  <si>
    <t>726185-14605-1994.gz</t>
  </si>
  <si>
    <t>WAHOO</t>
  </si>
  <si>
    <t>44 days 00:00:00.000000000</t>
  </si>
  <si>
    <t>722710-93045-2007.gz</t>
  </si>
  <si>
    <t>JERICHO</t>
  </si>
  <si>
    <t>ABERDEAN</t>
  </si>
  <si>
    <t>NO PAK TIME</t>
  </si>
  <si>
    <t>HORSESHOE HILL</t>
  </si>
  <si>
    <t>727854-99999-2004.gz</t>
  </si>
  <si>
    <t>MS0    0808-4300316011</t>
  </si>
  <si>
    <t>MITCHELL</t>
  </si>
  <si>
    <t>A07359</t>
  </si>
  <si>
    <t>MERDIAN</t>
  </si>
  <si>
    <t>724765-93013-2012.gz</t>
  </si>
  <si>
    <t>S PARK</t>
  </si>
  <si>
    <t>JOHN HERFORD</t>
  </si>
  <si>
    <t>722560-13959-2004.gz</t>
  </si>
  <si>
    <t>LEDBETTER</t>
  </si>
  <si>
    <t>723114-03715-2009.gz</t>
  </si>
  <si>
    <t>724115-99999-1999.gz</t>
  </si>
  <si>
    <t>725194-54778-2009.gz</t>
  </si>
  <si>
    <t>HWY 108  / TULLOCH RD</t>
  </si>
  <si>
    <t>MARRIS FIRE</t>
  </si>
  <si>
    <t>720267-23224-2013.gz</t>
  </si>
  <si>
    <t>WICKS</t>
  </si>
  <si>
    <t>CAMEL LAKE #1</t>
  </si>
  <si>
    <t>997992-99999-2010.gz</t>
  </si>
  <si>
    <t>LOVING ROAD</t>
  </si>
  <si>
    <t>720261-53976-2010.gz</t>
  </si>
  <si>
    <t>KNOBS #1</t>
  </si>
  <si>
    <t>724237-53803-2010.gz</t>
  </si>
  <si>
    <t>COBBLESTONE SUB. - MADDOX DR.</t>
  </si>
  <si>
    <t>GRASS FIRE TURKEY RIDGE</t>
  </si>
  <si>
    <t>722600-03969-2010.gz</t>
  </si>
  <si>
    <t>725510-14939-2008.gz</t>
  </si>
  <si>
    <t>RITTER CREEK</t>
  </si>
  <si>
    <t>726886-24130-2013.gz</t>
  </si>
  <si>
    <t>TURKEY FOOT</t>
  </si>
  <si>
    <t>GOPHER VALLEY FIRE</t>
  </si>
  <si>
    <t>726881-99999-1999.gz</t>
  </si>
  <si>
    <t>FOSTER</t>
  </si>
  <si>
    <t>RAINBOW RD.</t>
  </si>
  <si>
    <t>SOLES ROAD FIRE</t>
  </si>
  <si>
    <t>FLEP</t>
  </si>
  <si>
    <t>IRRIGATION FIRE</t>
  </si>
  <si>
    <t>TRACK84</t>
  </si>
  <si>
    <t>726700-99999-2004.gz</t>
  </si>
  <si>
    <t>726487-99999-1996.gz</t>
  </si>
  <si>
    <t>2208 BOX ROAD</t>
  </si>
  <si>
    <t>BARK CAMP II</t>
  </si>
  <si>
    <t>STEP</t>
  </si>
  <si>
    <t>727476-94961-1999.gz</t>
  </si>
  <si>
    <t>DOG LEG (28)</t>
  </si>
  <si>
    <t>COYOTE WASH</t>
  </si>
  <si>
    <t>723740-23194-2009.gz</t>
  </si>
  <si>
    <t>MOOREHEAD</t>
  </si>
  <si>
    <t>MAGOTSU</t>
  </si>
  <si>
    <t>1180 WINNAWAY</t>
  </si>
  <si>
    <t>BUS BODY</t>
  </si>
  <si>
    <t>722178-53953-2011.gz</t>
  </si>
  <si>
    <t>ELM LANE</t>
  </si>
  <si>
    <t>LINDEN - 278</t>
  </si>
  <si>
    <t>721034-00351-2013.gz</t>
  </si>
  <si>
    <t>BROOM STRAW FIRE</t>
  </si>
  <si>
    <t>722090-03875-2010.gz</t>
  </si>
  <si>
    <t>726588-99999-1995.gz</t>
  </si>
  <si>
    <t>747950-12867-1999.gz</t>
  </si>
  <si>
    <t>SINK</t>
  </si>
  <si>
    <t>725955-24259-1997.gz</t>
  </si>
  <si>
    <t>BONNY OAK</t>
  </si>
  <si>
    <t>FY2002-PULASKI-023</t>
  </si>
  <si>
    <t>8848 PERSIMMON</t>
  </si>
  <si>
    <t>SPRINGS RANCH</t>
  </si>
  <si>
    <t>BLACK BLUFF</t>
  </si>
  <si>
    <t>SHERRIFF</t>
  </si>
  <si>
    <t>GROSE 380</t>
  </si>
  <si>
    <t>725940-24213-2015.gz</t>
  </si>
  <si>
    <t>SAWGRASS (49)</t>
  </si>
  <si>
    <t>COOKSON</t>
  </si>
  <si>
    <t>BENJAMIN STREET FIRE</t>
  </si>
  <si>
    <t>720281-53969-2011.gz</t>
  </si>
  <si>
    <t>722554-99999-2005.gz</t>
  </si>
  <si>
    <t>STUDHORSE</t>
  </si>
  <si>
    <t>722192-23033-2007.gz</t>
  </si>
  <si>
    <t>HAMSPHIRE GRADE RD.</t>
  </si>
  <si>
    <t>FY2011-COLUMBIA-021</t>
  </si>
  <si>
    <t>GRANVILLE (08)</t>
  </si>
  <si>
    <t>STERLING 4</t>
  </si>
  <si>
    <t>FY2014-BARTOW-007</t>
  </si>
  <si>
    <t>722156-53873-2013.gz</t>
  </si>
  <si>
    <t xml:space="preserve">GOWAN #3                 </t>
  </si>
  <si>
    <t xml:space="preserve">FARM                     </t>
  </si>
  <si>
    <t>720344-54920-2015.gz</t>
  </si>
  <si>
    <t>SOUTHARD</t>
  </si>
  <si>
    <t>TWINLAKES</t>
  </si>
  <si>
    <t>ORANGE FIRE CODE I</t>
  </si>
  <si>
    <t>DYKES HOLLOW</t>
  </si>
  <si>
    <t xml:space="preserve">MAD 1144 3               </t>
  </si>
  <si>
    <t xml:space="preserve">ONEIL                    </t>
  </si>
  <si>
    <t>PIGG # 2</t>
  </si>
  <si>
    <t>721031-00348-2014.gz</t>
  </si>
  <si>
    <t>HWY 279  (4943)</t>
  </si>
  <si>
    <t>720303-53973-2010.gz</t>
  </si>
  <si>
    <t>BIG COTTONWOOD</t>
  </si>
  <si>
    <t>722333-03069-2007.gz</t>
  </si>
  <si>
    <t>FY2011-CHATTOOGA-048</t>
  </si>
  <si>
    <t>SER-20130326-003</t>
  </si>
  <si>
    <t>CR 154</t>
  </si>
  <si>
    <t>720287-53967-2013.gz</t>
  </si>
  <si>
    <t>RL379</t>
  </si>
  <si>
    <t>724467-99999-2002.gz</t>
  </si>
  <si>
    <t>CO-OP</t>
  </si>
  <si>
    <t>722740-23160-2010.gz</t>
  </si>
  <si>
    <t>TIKURA</t>
  </si>
  <si>
    <t>725865-99999-1998.gz</t>
  </si>
  <si>
    <t>UNNAMED FIRE 0512</t>
  </si>
  <si>
    <t>AVE 66  / BUCHANAN ST</t>
  </si>
  <si>
    <t xml:space="preserve">PFE                      </t>
  </si>
  <si>
    <t>GETHSEMANE COMPLEX</t>
  </si>
  <si>
    <t>FY2012-BURKE-045</t>
  </si>
  <si>
    <t>MIKE'S FOLLY</t>
  </si>
  <si>
    <t>RAT</t>
  </si>
  <si>
    <t>OLD PARSONS LN</t>
  </si>
  <si>
    <t>725150-04725-2002.gz</t>
  </si>
  <si>
    <t>722024-99999-2005.gz</t>
  </si>
  <si>
    <t>724094-99999-2001.gz</t>
  </si>
  <si>
    <t>WRAY</t>
  </si>
  <si>
    <t>724776-99999-1997.gz</t>
  </si>
  <si>
    <t>FY2016-JEFFERSON-002</t>
  </si>
  <si>
    <t>722217-63881-2015.gz</t>
  </si>
  <si>
    <t>SAMMY N BO LANE</t>
  </si>
  <si>
    <t>724053-03717-2013.gz</t>
  </si>
  <si>
    <t>720518-00449-2013.gz</t>
  </si>
  <si>
    <t>BLUE BIRD</t>
  </si>
  <si>
    <t>724457-99999-2001.gz</t>
  </si>
  <si>
    <t xml:space="preserve">EVERGREEN                </t>
  </si>
  <si>
    <t>ARCO</t>
  </si>
  <si>
    <t xml:space="preserve">COAL                     </t>
  </si>
  <si>
    <t>STETSON MARSHALL</t>
  </si>
  <si>
    <t>87-2011</t>
  </si>
  <si>
    <t>720633-00219-2011.gz</t>
  </si>
  <si>
    <t>SUN CREEK</t>
  </si>
  <si>
    <t>725827-99999-1998.gz</t>
  </si>
  <si>
    <t>GILMAN</t>
  </si>
  <si>
    <t>F39</t>
  </si>
  <si>
    <t>PAYNE FIRE</t>
  </si>
  <si>
    <t>723147-99999-2002.gz</t>
  </si>
  <si>
    <t>HARVEY</t>
  </si>
  <si>
    <t xml:space="preserve">HWY 15                   </t>
  </si>
  <si>
    <t>747040-99999-2003.gz</t>
  </si>
  <si>
    <t>744989-14747-2008.gz</t>
  </si>
  <si>
    <t>CLINTON</t>
  </si>
  <si>
    <t>LONG LICK</t>
  </si>
  <si>
    <t>724795-99999-1997.gz</t>
  </si>
  <si>
    <t>FY2011-BACON-065</t>
  </si>
  <si>
    <t>OR-MAF-194</t>
  </si>
  <si>
    <t xml:space="preserve">BLANK                    </t>
  </si>
  <si>
    <t>722030-12844-1996.gz</t>
  </si>
  <si>
    <t>STONEWALL</t>
  </si>
  <si>
    <t>724117-99999-1996.gz</t>
  </si>
  <si>
    <t>ZEEMAN</t>
  </si>
  <si>
    <t>DUNCAN</t>
  </si>
  <si>
    <t>723417-93988-1993.gz</t>
  </si>
  <si>
    <t>FM 2088 GRASS FIRE</t>
  </si>
  <si>
    <t>ASSIST ON GRASSFIRE AT 2156 CR 3602</t>
  </si>
  <si>
    <t>FAIRVIEW CANYON</t>
  </si>
  <si>
    <t>724700-93141-2012.gz</t>
  </si>
  <si>
    <t>724019-99999-1998.gz</t>
  </si>
  <si>
    <t>FY2002-NEWTON-011</t>
  </si>
  <si>
    <t>723090-13754-1997.gz</t>
  </si>
  <si>
    <t>ROCK SPRINGS</t>
  </si>
  <si>
    <t>12-0013353</t>
  </si>
  <si>
    <t>997743-99999-2013.gz</t>
  </si>
  <si>
    <t>723526-99999-1994.gz</t>
  </si>
  <si>
    <t>BAR FIRE</t>
  </si>
  <si>
    <t>723565-03959-2011.gz</t>
  </si>
  <si>
    <t>724450-03945-1999.gz</t>
  </si>
  <si>
    <t>726437-99999-2001.gz</t>
  </si>
  <si>
    <t>722218-00356-2006.gz</t>
  </si>
  <si>
    <t>724836-23208-2014.gz</t>
  </si>
  <si>
    <t>FY2014-DADE-016</t>
  </si>
  <si>
    <t>RED CREEK</t>
  </si>
  <si>
    <t>SKUNK</t>
  </si>
  <si>
    <t>726379-14845-1992.gz</t>
  </si>
  <si>
    <t>SMITH ROAD FIRE</t>
  </si>
  <si>
    <t>724640-93058-2001.gz</t>
  </si>
  <si>
    <t>723106-13744-2014.gz</t>
  </si>
  <si>
    <t>SILVER</t>
  </si>
  <si>
    <t>727825-94239-2009.gz</t>
  </si>
  <si>
    <t>HINUS</t>
  </si>
  <si>
    <t>720170-63851-2012.gz</t>
  </si>
  <si>
    <t>FRED</t>
  </si>
  <si>
    <t>NEW YEARS</t>
  </si>
  <si>
    <t>722821-53988-2012.gz</t>
  </si>
  <si>
    <t>MARKER SIX</t>
  </si>
  <si>
    <t>725827-99999-1996.gz</t>
  </si>
  <si>
    <t xml:space="preserve">MOORE                    </t>
  </si>
  <si>
    <t>POLLOCK ROAD</t>
  </si>
  <si>
    <t xml:space="preserve">HILLVIEW                 </t>
  </si>
  <si>
    <t>MAGGIE CREEK</t>
  </si>
  <si>
    <t>PEOPLES</t>
  </si>
  <si>
    <t>TRUCK</t>
  </si>
  <si>
    <t>723435-53921-2007.gz</t>
  </si>
  <si>
    <t>MS0    0808-4371121004</t>
  </si>
  <si>
    <t>KILIOVILIK</t>
  </si>
  <si>
    <t>015 HOLIDAY 2</t>
  </si>
  <si>
    <t>MS0    1010-3770320003</t>
  </si>
  <si>
    <t>CASCADEL</t>
  </si>
  <si>
    <t>FY2002-LAURENS-179</t>
  </si>
  <si>
    <t>WOODIES CAMP RD</t>
  </si>
  <si>
    <t>727550-99999-1993.gz</t>
  </si>
  <si>
    <t>88 days 00:00:00.000000000</t>
  </si>
  <si>
    <t>726865-24196-2013.gz</t>
  </si>
  <si>
    <t>MS0    0909-2440409003</t>
  </si>
  <si>
    <t>PUMPING STATION RD</t>
  </si>
  <si>
    <t>NORTH HWY. 89 (57)</t>
  </si>
  <si>
    <t>LITTLE BROWN</t>
  </si>
  <si>
    <t>WILL LOWE FARM</t>
  </si>
  <si>
    <t>720393-00129-2013.gz</t>
  </si>
  <si>
    <t>SOUP</t>
  </si>
  <si>
    <t>724646-03028-2010.gz</t>
  </si>
  <si>
    <t>723407-99999-2005.gz</t>
  </si>
  <si>
    <t>MS0    0909-3650323002</t>
  </si>
  <si>
    <t>BREEN</t>
  </si>
  <si>
    <t>722825-53145-2013.gz</t>
  </si>
  <si>
    <t>NORA</t>
  </si>
  <si>
    <t>725484-99999-1999.gz</t>
  </si>
  <si>
    <t>727475-99999-2005.gz</t>
  </si>
  <si>
    <t>722484-53905-2003.gz</t>
  </si>
  <si>
    <t>723447-99999-2003.gz</t>
  </si>
  <si>
    <t>REINDEER R</t>
  </si>
  <si>
    <t>COALWOOD</t>
  </si>
  <si>
    <t>724125-03859-2004.gz</t>
  </si>
  <si>
    <t>MILE MARKER 9</t>
  </si>
  <si>
    <t>723650-23050-2014.gz</t>
  </si>
  <si>
    <t>722193-03722-2008.gz</t>
  </si>
  <si>
    <t>FY2001-BLECKLEY-059</t>
  </si>
  <si>
    <t>JOES CREEK</t>
  </si>
  <si>
    <t>724140-13866-2002.gz</t>
  </si>
  <si>
    <t>PEA RIDGE</t>
  </si>
  <si>
    <t>IVES</t>
  </si>
  <si>
    <t>722487-13935-2001.gz</t>
  </si>
  <si>
    <t>GLOUCESTER</t>
  </si>
  <si>
    <t>SHEEP WASH</t>
  </si>
  <si>
    <t>722730-99999-2001.gz</t>
  </si>
  <si>
    <t>720268-53882-2010.gz</t>
  </si>
  <si>
    <t>WALT</t>
  </si>
  <si>
    <t>720265-63833-2007.gz</t>
  </si>
  <si>
    <t>DC</t>
  </si>
  <si>
    <t xml:space="preserve">REDWOOD                  </t>
  </si>
  <si>
    <t>725565-94951-2009.gz</t>
  </si>
  <si>
    <t>FY2002-LAURENS-036</t>
  </si>
  <si>
    <t>FY2016-WARE-002</t>
  </si>
  <si>
    <t>RANDON ACERS</t>
  </si>
  <si>
    <t>PETTES FIRE</t>
  </si>
  <si>
    <t>MS0    1010-3341211001</t>
  </si>
  <si>
    <t xml:space="preserve">FKU-19855                </t>
  </si>
  <si>
    <t>FY2014-JACKSON-004</t>
  </si>
  <si>
    <t xml:space="preserve">BORDER 2                 </t>
  </si>
  <si>
    <t>722904-03178-2008.gz</t>
  </si>
  <si>
    <t>A-HILL</t>
  </si>
  <si>
    <t>726785-24135-1999.gz</t>
  </si>
  <si>
    <t xml:space="preserve">JENSEN                   </t>
  </si>
  <si>
    <t>DICK</t>
  </si>
  <si>
    <t>SQUAWDITTY</t>
  </si>
  <si>
    <t>726815-99999-2003.gz</t>
  </si>
  <si>
    <t>FY2012-HARRIS-009</t>
  </si>
  <si>
    <t>HIDDEN VALLEY 1</t>
  </si>
  <si>
    <t>CEDAR HIGHLANDS (64)</t>
  </si>
  <si>
    <t>722341-92822-2013.gz</t>
  </si>
  <si>
    <t>CORCORAN</t>
  </si>
  <si>
    <t>LIMESTONE</t>
  </si>
  <si>
    <t>725686-99999-2005.gz</t>
  </si>
  <si>
    <t xml:space="preserve">CROOKHAM                 </t>
  </si>
  <si>
    <t>BLUESKY</t>
  </si>
  <si>
    <t>GANDER SLOUGH</t>
  </si>
  <si>
    <t>722539-12979-2011.gz</t>
  </si>
  <si>
    <t>JOHSON FIRE</t>
  </si>
  <si>
    <t>ILLEGAL BURN</t>
  </si>
  <si>
    <t>FY2001-BERRIEN-019</t>
  </si>
  <si>
    <t>SIGMON</t>
  </si>
  <si>
    <t>723145-03810-2003.gz</t>
  </si>
  <si>
    <t>RACETRACK ROAD (55)</t>
  </si>
  <si>
    <t>722212-92814-2015.gz</t>
  </si>
  <si>
    <t>CALLOWAY RD. SPARK SET</t>
  </si>
  <si>
    <t>HICKORY HILL</t>
  </si>
  <si>
    <t>726577-99999-2000.gz</t>
  </si>
  <si>
    <t>CATES FIRE</t>
  </si>
  <si>
    <t>723246-53868-2010.gz</t>
  </si>
  <si>
    <t>WET BRANCH</t>
  </si>
  <si>
    <t>724140-13866-2012.gz</t>
  </si>
  <si>
    <t>SLAYRENE D</t>
  </si>
  <si>
    <t>BACKWOODS</t>
  </si>
  <si>
    <t>SLIDE CANYON</t>
  </si>
  <si>
    <t>BUTTERFIELD STAGE</t>
  </si>
  <si>
    <t>SALADO DRAW</t>
  </si>
  <si>
    <t>722656-23040-2014.gz</t>
  </si>
  <si>
    <t>720315-03045-2008.gz</t>
  </si>
  <si>
    <t>726550-14926-2000.gz</t>
  </si>
  <si>
    <t>TOM SMITH</t>
  </si>
  <si>
    <t>722907-99999-1995.gz</t>
  </si>
  <si>
    <t>746936-03712-2007.gz</t>
  </si>
  <si>
    <t>HARAMOTO FIRE</t>
  </si>
  <si>
    <t>FY2001-EARLY-013</t>
  </si>
  <si>
    <t>REAVIS</t>
  </si>
  <si>
    <t>RON HILL</t>
  </si>
  <si>
    <t>FY2002-BRANTLEY-079</t>
  </si>
  <si>
    <t>VIRGIN CANYON</t>
  </si>
  <si>
    <t>COTTON</t>
  </si>
  <si>
    <t>SHU INGOT</t>
  </si>
  <si>
    <t>722030-12844-1993.gz</t>
  </si>
  <si>
    <t>724058-99999-1997.gz</t>
  </si>
  <si>
    <t>723447-03918-2012.gz</t>
  </si>
  <si>
    <t>WESTERN LAKE</t>
  </si>
  <si>
    <t>727459-99999-1995.gz</t>
  </si>
  <si>
    <t>FY2001-WALTON-029</t>
  </si>
  <si>
    <t>HOCHATOWN FIRE</t>
  </si>
  <si>
    <t>ALLEN RD.</t>
  </si>
  <si>
    <t>LORAINE</t>
  </si>
  <si>
    <t>725467-04973-2013.gz</t>
  </si>
  <si>
    <t>743946-54754-2014.gz</t>
  </si>
  <si>
    <t>UPPER 2ND</t>
  </si>
  <si>
    <t>EMERINE SPRINGS</t>
  </si>
  <si>
    <t>727735-24139-2010.gz</t>
  </si>
  <si>
    <t>GOAT</t>
  </si>
  <si>
    <t>723066-99999-2000.gz</t>
  </si>
  <si>
    <t>UPPER FISH</t>
  </si>
  <si>
    <t>SAND TOWN</t>
  </si>
  <si>
    <t>726480-99999-1995.gz</t>
  </si>
  <si>
    <t>CUDEI 3</t>
  </si>
  <si>
    <t>724767-93069-2013.gz</t>
  </si>
  <si>
    <t>DRY BURNT</t>
  </si>
  <si>
    <t>WHITE LAKE</t>
  </si>
  <si>
    <t>725566-04957-2011.gz</t>
  </si>
  <si>
    <t>HARRINGTON</t>
  </si>
  <si>
    <t>ELEPHANT</t>
  </si>
  <si>
    <t>HANSEL</t>
  </si>
  <si>
    <t>SCRIBNER</t>
  </si>
  <si>
    <t>727850-24157-2012.gz</t>
  </si>
  <si>
    <t>116TH CRT (04-24)</t>
  </si>
  <si>
    <t>099 COMPARTMENT 262</t>
  </si>
  <si>
    <t>OLD LAND FILL</t>
  </si>
  <si>
    <t>MERLIN MILLER FARM FIRE</t>
  </si>
  <si>
    <t>720737-00266-2012.gz</t>
  </si>
  <si>
    <t>CROSSTIE</t>
  </si>
  <si>
    <t>CR 106</t>
  </si>
  <si>
    <t>#9046</t>
  </si>
  <si>
    <t>723083-13763-2002.gz</t>
  </si>
  <si>
    <t>726550-14926-1994.gz</t>
  </si>
  <si>
    <t>725194-54778-2008.gz</t>
  </si>
  <si>
    <t>MS0    0808-2400324008</t>
  </si>
  <si>
    <t>CR 4675 @ HWY 85</t>
  </si>
  <si>
    <t>725484-04942-2009.gz</t>
  </si>
  <si>
    <t>UNNAMED FIRE 1941</t>
  </si>
  <si>
    <t>MCBRIDE</t>
  </si>
  <si>
    <t>723630-23047-1994.gz</t>
  </si>
  <si>
    <t>LYSSY RANCH</t>
  </si>
  <si>
    <t>722520-12907-2009.gz</t>
  </si>
  <si>
    <t>OLD CAMP ROAD</t>
  </si>
  <si>
    <t>RICHARDVILLE FIRE</t>
  </si>
  <si>
    <t>727478-04934-2010.gz</t>
  </si>
  <si>
    <t>724555-03936-2015.gz</t>
  </si>
  <si>
    <t>22964 HWY 90</t>
  </si>
  <si>
    <t>726557-14910-2000.gz</t>
  </si>
  <si>
    <t>GOLDEN CREEK STRIP</t>
  </si>
  <si>
    <t>FY2001-CARROLL-006</t>
  </si>
  <si>
    <t>722486-13942-2008.gz</t>
  </si>
  <si>
    <t>FERRY STARKES 6</t>
  </si>
  <si>
    <t>722012-92817-2011.gz</t>
  </si>
  <si>
    <t>LEEDS CREEK</t>
  </si>
  <si>
    <t>POWERLINE III (21)</t>
  </si>
  <si>
    <t>ISABELLA</t>
  </si>
  <si>
    <t>727556-04905-2010.gz</t>
  </si>
  <si>
    <t>727503-99999-2003.gz</t>
  </si>
  <si>
    <t>722284-99999-2001.gz</t>
  </si>
  <si>
    <t>MS0    0909-3610702012</t>
  </si>
  <si>
    <t>BEAR CANYON FIRE</t>
  </si>
  <si>
    <t>BRINKLYE</t>
  </si>
  <si>
    <t>723034-93747-2015.gz</t>
  </si>
  <si>
    <t>HENDERSON - 608</t>
  </si>
  <si>
    <t>GOLF COURSE</t>
  </si>
  <si>
    <t>725095-94746-2010.gz</t>
  </si>
  <si>
    <t>ANGRY WIFE FIRE</t>
  </si>
  <si>
    <t>117372-11043-01242015-1341</t>
  </si>
  <si>
    <t>BAD TIMING</t>
  </si>
  <si>
    <t>CD LANDLEY</t>
  </si>
  <si>
    <t>726450-14898-2006.gz</t>
  </si>
  <si>
    <t>PLEASANT VALLEY</t>
  </si>
  <si>
    <t>KENAI</t>
  </si>
  <si>
    <t>STRONGHOLD</t>
  </si>
  <si>
    <t>722730-03124-2011.gz</t>
  </si>
  <si>
    <t>GARFIELD</t>
  </si>
  <si>
    <t>747187-03104-2003.gz</t>
  </si>
  <si>
    <t>726228-99999-2000.gz</t>
  </si>
  <si>
    <t>FY2000-POLK-169</t>
  </si>
  <si>
    <t xml:space="preserve">GARDNER                  </t>
  </si>
  <si>
    <t>722869-03171-2010.gz</t>
  </si>
  <si>
    <t>ROCKPIT (36)</t>
  </si>
  <si>
    <t>FY2002-TOOMBS-091</t>
  </si>
  <si>
    <t>HOPE</t>
  </si>
  <si>
    <t>BRAY HOLLOW</t>
  </si>
  <si>
    <t>PINK</t>
  </si>
  <si>
    <t>722904-03178-2014.gz</t>
  </si>
  <si>
    <t>TIO CANO LAKE</t>
  </si>
  <si>
    <t xml:space="preserve">BRAVE                    </t>
  </si>
  <si>
    <t>RED DOME</t>
  </si>
  <si>
    <t>724795-99999-2008.gz</t>
  </si>
  <si>
    <t>#1056</t>
  </si>
  <si>
    <t>724502-13932-2006.gz</t>
  </si>
  <si>
    <t>OLD STAGE 2</t>
  </si>
  <si>
    <t>723086-93741-2002.gz</t>
  </si>
  <si>
    <t>726865-99999-1992.gz</t>
  </si>
  <si>
    <t>FY2001-WARE-006</t>
  </si>
  <si>
    <t>COLORADO(54)</t>
  </si>
  <si>
    <t>MATTHEWS</t>
  </si>
  <si>
    <t xml:space="preserve">ASSIST ORANGE COUNTY     </t>
  </si>
  <si>
    <t>722486-13942-2001.gz</t>
  </si>
  <si>
    <t>11-178</t>
  </si>
  <si>
    <t>FY2001-BURKE-071</t>
  </si>
  <si>
    <t>EAGLE CANYON</t>
  </si>
  <si>
    <t>722676-03035-2012.gz</t>
  </si>
  <si>
    <t>WEATHER STATION</t>
  </si>
  <si>
    <t>724088-13707-1992.gz</t>
  </si>
  <si>
    <t>FLAT TIRE FIRE</t>
  </si>
  <si>
    <t>746936-03712-2011.gz</t>
  </si>
  <si>
    <t>ROBBERY FIRE</t>
  </si>
  <si>
    <t>723484-53901-2014.gz</t>
  </si>
  <si>
    <t>726988-24219-1993.gz</t>
  </si>
  <si>
    <t>WINNING WOOD (64)</t>
  </si>
  <si>
    <t>720904-00299-2013.gz</t>
  </si>
  <si>
    <t>ROAD 72/76   (18)</t>
  </si>
  <si>
    <t>720672-00485-2011.gz</t>
  </si>
  <si>
    <t>CAMP RUN</t>
  </si>
  <si>
    <t>724175-99999-2001.gz</t>
  </si>
  <si>
    <t>DUBUQUE FIRE</t>
  </si>
  <si>
    <t>POWERS</t>
  </si>
  <si>
    <t>DITNEY MOUNTAIN</t>
  </si>
  <si>
    <t>WOLF ISLAND FIRE</t>
  </si>
  <si>
    <t>WATERTOWER</t>
  </si>
  <si>
    <t>725533-94957-2009.gz</t>
  </si>
  <si>
    <t>725846-93201-2013.gz</t>
  </si>
  <si>
    <t>UTE</t>
  </si>
  <si>
    <t>723677-23054-1999.gz</t>
  </si>
  <si>
    <t>HWY 179</t>
  </si>
  <si>
    <t>WW1103</t>
  </si>
  <si>
    <t xml:space="preserve">JAYNE                    </t>
  </si>
  <si>
    <t>SCOTT</t>
  </si>
  <si>
    <t>725109-54782-2006.gz</t>
  </si>
  <si>
    <t>FFS L-31/136</t>
  </si>
  <si>
    <t>722728-03196-2007.gz</t>
  </si>
  <si>
    <t>TURKEY FARM</t>
  </si>
  <si>
    <t xml:space="preserve">CABEU002960              </t>
  </si>
  <si>
    <t>SNYDER HILL</t>
  </si>
  <si>
    <t>722745-99999-2002.gz</t>
  </si>
  <si>
    <t>TPHATFIELD</t>
  </si>
  <si>
    <t>727455-94931-2010.gz</t>
  </si>
  <si>
    <t>TAYLOR RANCH</t>
  </si>
  <si>
    <t>GUNTER LAKE RD. FIRE</t>
  </si>
  <si>
    <t>PINE LANE</t>
  </si>
  <si>
    <t>720887-00297-2011.gz</t>
  </si>
  <si>
    <t xml:space="preserve">WELDING                  </t>
  </si>
  <si>
    <t>WILDLAND      15</t>
  </si>
  <si>
    <t>COUNTY RD 50</t>
  </si>
  <si>
    <t>722214-03070-2009.gz</t>
  </si>
  <si>
    <t xml:space="preserve">HARRINGTON               </t>
  </si>
  <si>
    <t>725847-99999-1996.gz</t>
  </si>
  <si>
    <t>724056-99999-2001.gz</t>
  </si>
  <si>
    <t>FY2011-MACON-051</t>
  </si>
  <si>
    <t>POP TOP MCGHEE</t>
  </si>
  <si>
    <t>SAHENE</t>
  </si>
  <si>
    <t>725124-64705-2014.gz</t>
  </si>
  <si>
    <t xml:space="preserve">F#11196                  </t>
  </si>
  <si>
    <t>LECOMPTE</t>
  </si>
  <si>
    <t>HUNTER CREEK</t>
  </si>
  <si>
    <t>725776-99999-2001.gz</t>
  </si>
  <si>
    <t>LANGSTROTH</t>
  </si>
  <si>
    <t>727120-14607-2012.gz</t>
  </si>
  <si>
    <t>722111-99999-2004.gz</t>
  </si>
  <si>
    <t>1055 CR 302</t>
  </si>
  <si>
    <t>ELK CREEK</t>
  </si>
  <si>
    <t>JOSH</t>
  </si>
  <si>
    <t>141 RABBIT#4</t>
  </si>
  <si>
    <t>701718-99999-2004.gz</t>
  </si>
  <si>
    <t>RAINEY LANE</t>
  </si>
  <si>
    <t xml:space="preserve">HELLTOWN                 </t>
  </si>
  <si>
    <t>726884-24148-1994.gz</t>
  </si>
  <si>
    <t>720353-63875-2008.gz</t>
  </si>
  <si>
    <t>720285-03734-2007.gz</t>
  </si>
  <si>
    <t>727130-14604-2009.gz</t>
  </si>
  <si>
    <t>BP</t>
  </si>
  <si>
    <t>46 HERITAGE FIRE-1224</t>
  </si>
  <si>
    <t>722246-03844-2010.gz</t>
  </si>
  <si>
    <t>RED POINT</t>
  </si>
  <si>
    <t>CR 1410 GRASS FIRE 11/25</t>
  </si>
  <si>
    <t>BURNT CANYON</t>
  </si>
  <si>
    <t>TAXIDERMY SHOP FIRE</t>
  </si>
  <si>
    <t>EAGLE BULL</t>
  </si>
  <si>
    <t>726626-99999-2005.gz</t>
  </si>
  <si>
    <t>THORE ROAD</t>
  </si>
  <si>
    <t>724036-03710-2008.gz</t>
  </si>
  <si>
    <t>GEORGE DRW</t>
  </si>
  <si>
    <t>725628-04935-2012.gz</t>
  </si>
  <si>
    <t xml:space="preserve">HWY 198   PRIEST         </t>
  </si>
  <si>
    <t>BLACK ROAD FIRE</t>
  </si>
  <si>
    <t>723564-53908-2009.gz</t>
  </si>
  <si>
    <t>720301-63846-2007.gz</t>
  </si>
  <si>
    <t>2011-10111</t>
  </si>
  <si>
    <t>ROGER VETTER</t>
  </si>
  <si>
    <t xml:space="preserve">FKU-7058                 </t>
  </si>
  <si>
    <t>723415-03962-2009.gz</t>
  </si>
  <si>
    <t>FY2002-MERIWETHER-021</t>
  </si>
  <si>
    <t>TOWER GRINDER</t>
  </si>
  <si>
    <t>720398-99999-2013.gz</t>
  </si>
  <si>
    <t>726415-94854-2006.gz</t>
  </si>
  <si>
    <t xml:space="preserve">"DANSE,R"                </t>
  </si>
  <si>
    <t>JARRELL</t>
  </si>
  <si>
    <t>FY2002-WALKER-089</t>
  </si>
  <si>
    <t>E WASHINGTON RD / ARBOR W</t>
  </si>
  <si>
    <t>SELLERS</t>
  </si>
  <si>
    <t>720393-99999-2008.gz</t>
  </si>
  <si>
    <t>MISSIONWSH</t>
  </si>
  <si>
    <t>722800-99999-2002.gz</t>
  </si>
  <si>
    <t>725474-04915-2006.gz</t>
  </si>
  <si>
    <t>723107-00371-2010.gz</t>
  </si>
  <si>
    <t xml:space="preserve">BURGUNDY FARMS (36) </t>
  </si>
  <si>
    <t>723098-99999-2002.gz</t>
  </si>
  <si>
    <t>FY2014-MONROE-013</t>
  </si>
  <si>
    <t>COUNTY GARAGE</t>
  </si>
  <si>
    <t>CR242</t>
  </si>
  <si>
    <t>726088-14606-1998.gz</t>
  </si>
  <si>
    <t>FY2015-LINCOLN-003</t>
  </si>
  <si>
    <t>720294-53898-2014.gz</t>
  </si>
  <si>
    <t xml:space="preserve">HINTON                   </t>
  </si>
  <si>
    <t>722199-53956-2014.gz</t>
  </si>
  <si>
    <t>FY2002-CRAWFORD-034</t>
  </si>
  <si>
    <t>CR 729</t>
  </si>
  <si>
    <t>JACKSONS BRANCH ROAD</t>
  </si>
  <si>
    <t>FY2013-SCREVEN-020</t>
  </si>
  <si>
    <t>722499-99999-1997.gz</t>
  </si>
  <si>
    <t>702915-99999-1993.gz</t>
  </si>
  <si>
    <t>724115-93757-2008.gz</t>
  </si>
  <si>
    <t>MOON PRAIRIE</t>
  </si>
  <si>
    <t>725660-24028-2007.gz</t>
  </si>
  <si>
    <t>722693-99999-1992.gz</t>
  </si>
  <si>
    <t>JAVELINA</t>
  </si>
  <si>
    <t xml:space="preserve">VINEYARD                 </t>
  </si>
  <si>
    <t>724955-93227-2002.gz</t>
  </si>
  <si>
    <t>LIVINGSTON - 942</t>
  </si>
  <si>
    <t>HWY 71</t>
  </si>
  <si>
    <t>MS0    1010-4240305003</t>
  </si>
  <si>
    <t>MS0    0808-4180316008</t>
  </si>
  <si>
    <t>BEAVER BRANCH</t>
  </si>
  <si>
    <t>120 FIRE</t>
  </si>
  <si>
    <t>722700-23044-2011.gz</t>
  </si>
  <si>
    <t>722275-53843-2006.gz</t>
  </si>
  <si>
    <t>722447-53903-2007.gz</t>
  </si>
  <si>
    <t>WF-64-GO CART CITY</t>
  </si>
  <si>
    <t>722361-92808-2010.gz</t>
  </si>
  <si>
    <t>WASN'T ME</t>
  </si>
  <si>
    <t>BWARD</t>
  </si>
  <si>
    <t>749179-00392-2013.gz</t>
  </si>
  <si>
    <t>02-015</t>
  </si>
  <si>
    <t>KERMIT</t>
  </si>
  <si>
    <t>727670-94014-2002.gz</t>
  </si>
  <si>
    <t>HERMAN</t>
  </si>
  <si>
    <t>726679-04969-2013.gz</t>
  </si>
  <si>
    <t>TGU COLEMAN</t>
  </si>
  <si>
    <t>KAPANKZIE</t>
  </si>
  <si>
    <t>FY2012-BERRIEN-064</t>
  </si>
  <si>
    <t>MS0    1111-6260617002</t>
  </si>
  <si>
    <t>FY2014-OCONEE-006</t>
  </si>
  <si>
    <t>723110-13873-2014.gz</t>
  </si>
  <si>
    <t>724096-14706-1995.gz</t>
  </si>
  <si>
    <t>SHOALS FIRE</t>
  </si>
  <si>
    <t>FY2001-LUMPKIN-086</t>
  </si>
  <si>
    <t>ODELL</t>
  </si>
  <si>
    <t>722686-23008-1993.gz</t>
  </si>
  <si>
    <t>MARSH</t>
  </si>
  <si>
    <t>LOVING RD. FIRE</t>
  </si>
  <si>
    <t>FY2003-WHITE-003</t>
  </si>
  <si>
    <t>JEWEL FIRE</t>
  </si>
  <si>
    <t>DAIRY</t>
  </si>
  <si>
    <t>FY2014-WHEELER-026</t>
  </si>
  <si>
    <t>CULVERT</t>
  </si>
  <si>
    <t>HWY 287 &amp; DONLEY CO. LINE</t>
  </si>
  <si>
    <t xml:space="preserve">OMAR FIRE </t>
  </si>
  <si>
    <t>722124-04998-2015.gz</t>
  </si>
  <si>
    <t>723439-53918-2010.gz</t>
  </si>
  <si>
    <t>JAY STEPHEN</t>
  </si>
  <si>
    <t>724796-99999-1996.gz</t>
  </si>
  <si>
    <t>RADOO</t>
  </si>
  <si>
    <t>RUINS</t>
  </si>
  <si>
    <t xml:space="preserve">CORD                     </t>
  </si>
  <si>
    <t>HWY 46E  / MCMILLAN CA 32</t>
  </si>
  <si>
    <t>10477 CR 313</t>
  </si>
  <si>
    <t>FY2003-COFFEE-009</t>
  </si>
  <si>
    <t>11328 ROCK GARDEN ROAD, AL</t>
  </si>
  <si>
    <t>BOOMAN#1</t>
  </si>
  <si>
    <t>727680-94008-2002.gz</t>
  </si>
  <si>
    <t>RED ROCK RR</t>
  </si>
  <si>
    <t>FY2011-CLAY-022</t>
  </si>
  <si>
    <t>PATE</t>
  </si>
  <si>
    <t>722042-53978-2007.gz</t>
  </si>
  <si>
    <t>ROACH RD.</t>
  </si>
  <si>
    <t>COLD WATER</t>
  </si>
  <si>
    <t>HURLEY ROAD</t>
  </si>
  <si>
    <t>SWELL</t>
  </si>
  <si>
    <t>726987-99999-1995.gz</t>
  </si>
  <si>
    <t>SER-20130309-001</t>
  </si>
  <si>
    <t>720257-63835-2013.gz</t>
  </si>
  <si>
    <t>FOOTHILL</t>
  </si>
  <si>
    <t>CENTRAL 2</t>
  </si>
  <si>
    <t>BROWN CHAPEL</t>
  </si>
  <si>
    <t>FOXFIRE MOWER</t>
  </si>
  <si>
    <t>723034-93747-2014.gz</t>
  </si>
  <si>
    <t>THUNDER LN</t>
  </si>
  <si>
    <t>725760-24021-1999.gz</t>
  </si>
  <si>
    <t>MILE MARKER 59-2</t>
  </si>
  <si>
    <t>998201-99999-2014.gz</t>
  </si>
  <si>
    <t>CINDER</t>
  </si>
  <si>
    <t>RADIO TOWER</t>
  </si>
  <si>
    <t>BLOWOUT</t>
  </si>
  <si>
    <t>722677-03027-2011.gz</t>
  </si>
  <si>
    <t>41/326(38)</t>
  </si>
  <si>
    <t>720631-00217-2015.gz</t>
  </si>
  <si>
    <t>710 DRAAG STRIP #1</t>
  </si>
  <si>
    <t>724455-14938-2014.gz</t>
  </si>
  <si>
    <t>5012 CEDAR RIDGE</t>
  </si>
  <si>
    <t>722577-93984-2009.gz</t>
  </si>
  <si>
    <t>723260-13891-2002.gz</t>
  </si>
  <si>
    <t>PREACHER</t>
  </si>
  <si>
    <t>722721-93063-2009.gz</t>
  </si>
  <si>
    <t>RAILROAD &amp; COMBS</t>
  </si>
  <si>
    <t>723575-03950-2009.gz</t>
  </si>
  <si>
    <t>ARIZONA</t>
  </si>
  <si>
    <t>TRUJILLO</t>
  </si>
  <si>
    <t xml:space="preserve">2ND AV / HWY 165 2       </t>
  </si>
  <si>
    <t>WF UNIT 6</t>
  </si>
  <si>
    <t>723754-99999-2003.gz</t>
  </si>
  <si>
    <t>726550-14926-1998.gz</t>
  </si>
  <si>
    <t>RESERVE</t>
  </si>
  <si>
    <t>WILSON/BEATHEL-MUTAL AID</t>
  </si>
  <si>
    <t>723556-99999-1998.gz</t>
  </si>
  <si>
    <t>FY2013-PULASKI-044</t>
  </si>
  <si>
    <t>HWY 22/HCR 2401 N</t>
  </si>
  <si>
    <t xml:space="preserve">SLU 2056                 </t>
  </si>
  <si>
    <t>FY2002-APPLING-031</t>
  </si>
  <si>
    <t>724397-54831-2010.gz</t>
  </si>
  <si>
    <t>GREEN SANDERS RD. FIRE</t>
  </si>
  <si>
    <t>WEEKSVILLE CREEK</t>
  </si>
  <si>
    <t>726590-14929-2003.gz</t>
  </si>
  <si>
    <t>12000 HWY 36 N    31</t>
  </si>
  <si>
    <t>A00002-53928-2013.gz</t>
  </si>
  <si>
    <t>STRICKLAND FIRE</t>
  </si>
  <si>
    <t>722536-12911-2011.gz</t>
  </si>
  <si>
    <t>SEVENBROTHERS</t>
  </si>
  <si>
    <t>722720-99999-2001.gz</t>
  </si>
  <si>
    <t>FY2001-BRYAN NORTH-031</t>
  </si>
  <si>
    <t>SLIPPERY</t>
  </si>
  <si>
    <t>726518-94990-2009.gz</t>
  </si>
  <si>
    <t>FY2002-COOK-055</t>
  </si>
  <si>
    <t>MCKNABE CREEK</t>
  </si>
  <si>
    <t>15-2114 GEORGE BUSH OP FIRE</t>
  </si>
  <si>
    <t>722359-13978-1991.gz</t>
  </si>
  <si>
    <t>RAINS</t>
  </si>
  <si>
    <t>YANK GULCH</t>
  </si>
  <si>
    <t>725970-24225-2014.gz</t>
  </si>
  <si>
    <t>WESTWEBB</t>
  </si>
  <si>
    <t>727857-99999-2000.gz</t>
  </si>
  <si>
    <t>BIG PRICEY</t>
  </si>
  <si>
    <t>BUCKSKIN</t>
  </si>
  <si>
    <t>DRYER</t>
  </si>
  <si>
    <t>723550-13945-2008.gz</t>
  </si>
  <si>
    <t>720615-00206-2010.gz</t>
  </si>
  <si>
    <t>A05735-00209-2013.gz</t>
  </si>
  <si>
    <t>FY2000-MACON-036</t>
  </si>
  <si>
    <t>726555-99999-1998.gz</t>
  </si>
  <si>
    <t>SILVERADO TRL / YOUNTVILL</t>
  </si>
  <si>
    <t>724955-93227-2009.gz</t>
  </si>
  <si>
    <t>FY2014-TREUTLEN-016</t>
  </si>
  <si>
    <t>COMBS FIRE</t>
  </si>
  <si>
    <t>RUSH CREEK</t>
  </si>
  <si>
    <t>FALLS</t>
  </si>
  <si>
    <t>BALDY</t>
  </si>
  <si>
    <t>K-24</t>
  </si>
  <si>
    <t>VERRMER FIRE</t>
  </si>
  <si>
    <t>AMBER HILL RD</t>
  </si>
  <si>
    <t>THE V</t>
  </si>
  <si>
    <t>161 days 00:00:00.000000000</t>
  </si>
  <si>
    <t>725755-24101-2006.gz</t>
  </si>
  <si>
    <t>CHURCH CREEK</t>
  </si>
  <si>
    <t xml:space="preserve">HUDSON                   </t>
  </si>
  <si>
    <t>722436-12906-2007.gz</t>
  </si>
  <si>
    <t>R2012-12-19</t>
  </si>
  <si>
    <t>COTTONWOOD #2</t>
  </si>
  <si>
    <t>725636-24017-1994.gz</t>
  </si>
  <si>
    <t>723448-99999-2002.gz</t>
  </si>
  <si>
    <t>MAGIC 8</t>
  </si>
  <si>
    <t>RL197</t>
  </si>
  <si>
    <t>727477-99999-1994.gz</t>
  </si>
  <si>
    <t>BETRIS'S F</t>
  </si>
  <si>
    <t>NEWTON CREEK</t>
  </si>
  <si>
    <t>STOUT RIDGE</t>
  </si>
  <si>
    <t>MINNIE</t>
  </si>
  <si>
    <t>722788-99999-1992.gz</t>
  </si>
  <si>
    <t>HAIRY</t>
  </si>
  <si>
    <t>FY2011-BRANTLEY-100</t>
  </si>
  <si>
    <t>720671-00248-2011.gz</t>
  </si>
  <si>
    <t>WHEELER FIRE</t>
  </si>
  <si>
    <t>SCOTTSFIRE</t>
  </si>
  <si>
    <t>COLUSA</t>
  </si>
  <si>
    <t>724838-93205-2011.gz</t>
  </si>
  <si>
    <t>723193-93807-2009.gz</t>
  </si>
  <si>
    <t>PETERSON RD FIRE</t>
  </si>
  <si>
    <t>722073-03727-2011.gz</t>
  </si>
  <si>
    <t>LAMPMAN BOTTOM</t>
  </si>
  <si>
    <t>FY2003-LAURENS-024</t>
  </si>
  <si>
    <t xml:space="preserve">PRECHTER                 </t>
  </si>
  <si>
    <t>GILMORE SCHOOL</t>
  </si>
  <si>
    <t>DANIELS RD   (36)</t>
  </si>
  <si>
    <t>720498-00153-2014.gz</t>
  </si>
  <si>
    <t>723429-99999-2001.gz</t>
  </si>
  <si>
    <t>MOFFRE ROAD FIRE</t>
  </si>
  <si>
    <t>RED ROCK</t>
  </si>
  <si>
    <t>724880-23185-2013.gz</t>
  </si>
  <si>
    <t>SHOCKING DEER</t>
  </si>
  <si>
    <t>PINE HAMMOCK (47)</t>
  </si>
  <si>
    <t>COLONY #6</t>
  </si>
  <si>
    <t>725905-23275-2015.gz</t>
  </si>
  <si>
    <t>ALACHUA/WILSON FIRE</t>
  </si>
  <si>
    <t>747560-12816-2010.gz</t>
  </si>
  <si>
    <t>REBEL</t>
  </si>
  <si>
    <t>BOSWELL FIRE</t>
  </si>
  <si>
    <t>012 GRAVEL HILL</t>
  </si>
  <si>
    <t>725510-14939-2014.gz</t>
  </si>
  <si>
    <t>CR 1205</t>
  </si>
  <si>
    <t>FY2011-EMANUEL-063</t>
  </si>
  <si>
    <t>MINA-5</t>
  </si>
  <si>
    <t>FY2000-FORSYTH-011</t>
  </si>
  <si>
    <t>MOUNT ZION</t>
  </si>
  <si>
    <t>722880-23152-1996.gz</t>
  </si>
  <si>
    <t>727459-99999-1994.gz</t>
  </si>
  <si>
    <t>STRAIGHT</t>
  </si>
  <si>
    <t>725805-24172-2011.gz</t>
  </si>
  <si>
    <t>2013028 GRASS FIRE</t>
  </si>
  <si>
    <t>722192-23033-2012.gz</t>
  </si>
  <si>
    <t>NUISANCE56</t>
  </si>
  <si>
    <t>FY2013-WAYNE-019</t>
  </si>
  <si>
    <t>720671-00248-2012.gz</t>
  </si>
  <si>
    <t>RANGER</t>
  </si>
  <si>
    <t>117214-02339-01242015-1640</t>
  </si>
  <si>
    <t>MDF-299</t>
  </si>
  <si>
    <t>725958-94299-2007.gz</t>
  </si>
  <si>
    <t>725788-99999-1995.gz</t>
  </si>
  <si>
    <t xml:space="preserve">GREENE                   </t>
  </si>
  <si>
    <t>RED SKIN</t>
  </si>
  <si>
    <t>720259-63844-2011.gz</t>
  </si>
  <si>
    <t xml:space="preserve">VASCO 4                  </t>
  </si>
  <si>
    <t>722230-13894-1991.gz</t>
  </si>
  <si>
    <t>LEEWOOD</t>
  </si>
  <si>
    <t>HOLE IN THE WALL</t>
  </si>
  <si>
    <t>726664-94173-2011.gz</t>
  </si>
  <si>
    <t>MS0    1010-3311224003</t>
  </si>
  <si>
    <t>13-0019</t>
  </si>
  <si>
    <t>ST GEORGE</t>
  </si>
  <si>
    <t>725463-14966-2009.gz</t>
  </si>
  <si>
    <t>725290-14768-2014.gz</t>
  </si>
  <si>
    <t>BIG SANDY ROAD</t>
  </si>
  <si>
    <t>CHABOT</t>
  </si>
  <si>
    <t>722444-53902-2015.gz</t>
  </si>
  <si>
    <t>HOUSE</t>
  </si>
  <si>
    <t>FY2002-WHEELER-029</t>
  </si>
  <si>
    <t>NRLBRIDGE1</t>
  </si>
  <si>
    <t>722764-99999-2000.gz</t>
  </si>
  <si>
    <t>INEZ FIRE</t>
  </si>
  <si>
    <t>722554-99999-2003.gz</t>
  </si>
  <si>
    <t>GANDEEVILLE</t>
  </si>
  <si>
    <t xml:space="preserve">GOVER                    </t>
  </si>
  <si>
    <t>WEST FORK</t>
  </si>
  <si>
    <t>725869-94186-2007.gz</t>
  </si>
  <si>
    <t>BLACKWELL</t>
  </si>
  <si>
    <t>NO CATTLE PEN</t>
  </si>
  <si>
    <t>SEAY FIRE</t>
  </si>
  <si>
    <t>015-031</t>
  </si>
  <si>
    <t>GRASS/WOODS/HWY 7&amp; 69</t>
  </si>
  <si>
    <t>POLE</t>
  </si>
  <si>
    <t>NWGG SPUR</t>
  </si>
  <si>
    <t>727845-24163-2004.gz</t>
  </si>
  <si>
    <t>ANDRINGA FIRE</t>
  </si>
  <si>
    <t>722252-54923-2012.gz</t>
  </si>
  <si>
    <t>DRY BRANCH</t>
  </si>
  <si>
    <t>NORTHSHORE (17)</t>
  </si>
  <si>
    <t>723124-53874-2010.gz</t>
  </si>
  <si>
    <t>FY2000-WHITE-031</t>
  </si>
  <si>
    <t>MS0    1010-4660306001</t>
  </si>
  <si>
    <t>EDEN</t>
  </si>
  <si>
    <t>724935-93228-2009.gz</t>
  </si>
  <si>
    <t>GASLINE</t>
  </si>
  <si>
    <t>HOP CANYON</t>
  </si>
  <si>
    <t>BONNY OAKS #2</t>
  </si>
  <si>
    <t>PLEASANT</t>
  </si>
  <si>
    <t>724008-93781-2006.gz</t>
  </si>
  <si>
    <t>R399</t>
  </si>
  <si>
    <t>725945-24283-2000.gz</t>
  </si>
  <si>
    <t>RACHEL</t>
  </si>
  <si>
    <t>722688-99999-2001.gz</t>
  </si>
  <si>
    <t>720170-63851-2008.gz</t>
  </si>
  <si>
    <t>725086-99999-1993.gz</t>
  </si>
  <si>
    <t>POTATO HILL</t>
  </si>
  <si>
    <t>726945-99999-1999.gz</t>
  </si>
  <si>
    <t>LIONHEAD (53)</t>
  </si>
  <si>
    <t>CHECK IN</t>
  </si>
  <si>
    <t>RIVER AVE. FIRE</t>
  </si>
  <si>
    <t>726574-94985-2009.gz</t>
  </si>
  <si>
    <t>MUD STUCK PIT BULL</t>
  </si>
  <si>
    <t>722193-03722-2014.gz</t>
  </si>
  <si>
    <t>KC FARM</t>
  </si>
  <si>
    <t>744904-99999-2001.gz</t>
  </si>
  <si>
    <t xml:space="preserve">MERRITT                  </t>
  </si>
  <si>
    <t>723761-23901-2007.gz</t>
  </si>
  <si>
    <t>BROAD</t>
  </si>
  <si>
    <t>STATE HWY 70 NORTH</t>
  </si>
  <si>
    <t>720313-03052-2011.gz</t>
  </si>
  <si>
    <t>#531</t>
  </si>
  <si>
    <t>726945-99999-1996.gz</t>
  </si>
  <si>
    <t xml:space="preserve">LANGLEY HILL             </t>
  </si>
  <si>
    <t>724938-99999-1994.gz</t>
  </si>
  <si>
    <t>FRIED SQUIREL</t>
  </si>
  <si>
    <t>720357-53993-2011.gz</t>
  </si>
  <si>
    <t>THE INCINERATOR</t>
  </si>
  <si>
    <t>CENTRAL PEAK</t>
  </si>
  <si>
    <t>34 days 00:00:00.000000000</t>
  </si>
  <si>
    <t>BURCHARD DRIVE</t>
  </si>
  <si>
    <t>BLACK BAR RANCH</t>
  </si>
  <si>
    <t>722113-53979-2010.gz</t>
  </si>
  <si>
    <t>TULARE CO. #124</t>
  </si>
  <si>
    <t>GRASS FIRE FM 1188</t>
  </si>
  <si>
    <t>TWIN RIVERS FIRE</t>
  </si>
  <si>
    <t xml:space="preserve">SPRINGS                  </t>
  </si>
  <si>
    <t>VINCENT</t>
  </si>
  <si>
    <t>HOLLY ROAD</t>
  </si>
  <si>
    <t>725061-14704-2015.gz</t>
  </si>
  <si>
    <t>MILE MARKER 91</t>
  </si>
  <si>
    <t>726626-04864-2010.gz</t>
  </si>
  <si>
    <t>BOWMAN FLATS #1</t>
  </si>
  <si>
    <t>TWO SNAG</t>
  </si>
  <si>
    <t>722340-13865-2013.gz</t>
  </si>
  <si>
    <t>SALT LICK SPRING</t>
  </si>
  <si>
    <t>725869-94186-1996.gz</t>
  </si>
  <si>
    <t>877 HWY 24 S.</t>
  </si>
  <si>
    <t>HIGHWAY HAY</t>
  </si>
  <si>
    <t>725869-94186-2009.gz</t>
  </si>
  <si>
    <t>HOLWAGNER2</t>
  </si>
  <si>
    <t>FY2012-CLINCH-008</t>
  </si>
  <si>
    <t>720392-00128-2011.gz</t>
  </si>
  <si>
    <t>DIPPER ROAD</t>
  </si>
  <si>
    <t>DRY</t>
  </si>
  <si>
    <t>B-RODEO</t>
  </si>
  <si>
    <t>AUSTIN WAKE</t>
  </si>
  <si>
    <t>SOMERSET COMPLEX</t>
  </si>
  <si>
    <t>724045-93720-2002.gz</t>
  </si>
  <si>
    <t>ST GEORGE ASST 01</t>
  </si>
  <si>
    <t>BIG LYNN</t>
  </si>
  <si>
    <t>NOR-20120319-001</t>
  </si>
  <si>
    <t>FY2011-GRADY-031</t>
  </si>
  <si>
    <t>MIDDLE PRO</t>
  </si>
  <si>
    <t>OTA 28</t>
  </si>
  <si>
    <t>726815-24106-2014.gz</t>
  </si>
  <si>
    <t>CO RD 37 , AL</t>
  </si>
  <si>
    <t>722284-03892-2011.gz</t>
  </si>
  <si>
    <t>CHICKENCR</t>
  </si>
  <si>
    <t>FY2015-COOK-016</t>
  </si>
  <si>
    <t>747810-13857-2015.gz</t>
  </si>
  <si>
    <t>HUBBANDS BR.</t>
  </si>
  <si>
    <t>RED TAIL 3</t>
  </si>
  <si>
    <t>720259-63844-2013.gz</t>
  </si>
  <si>
    <t>724296-13841-2015.gz</t>
  </si>
  <si>
    <t>722749-53128-2015.gz</t>
  </si>
  <si>
    <t>11 MILE #3</t>
  </si>
  <si>
    <t>720288-03711-2014.gz</t>
  </si>
  <si>
    <t>723400-99999-1992.gz</t>
  </si>
  <si>
    <t>722720-93063-2009.gz</t>
  </si>
  <si>
    <t>13-2</t>
  </si>
  <si>
    <t xml:space="preserve">SRI                      </t>
  </si>
  <si>
    <t>724927-99999-1999.gz</t>
  </si>
  <si>
    <t>726920-24230-2006.gz</t>
  </si>
  <si>
    <t>747900-13849-2010.gz</t>
  </si>
  <si>
    <t>FY2011-TIFT-076</t>
  </si>
  <si>
    <t>CHAZE</t>
  </si>
  <si>
    <t>726190-99999-1999.gz</t>
  </si>
  <si>
    <t>DON PEDRO 2</t>
  </si>
  <si>
    <t>LILLARD ROAD BRIDGE</t>
  </si>
  <si>
    <t>724106-13728-1998.gz</t>
  </si>
  <si>
    <t xml:space="preserve">AVENIDA HERRERA   LAQ    </t>
  </si>
  <si>
    <t>RL491</t>
  </si>
  <si>
    <t>725127-04726-2010.gz</t>
  </si>
  <si>
    <t>HWY 84 EAST, AL</t>
  </si>
  <si>
    <t>HOGUEDAIRY</t>
  </si>
  <si>
    <t>BOYCE ROAD</t>
  </si>
  <si>
    <t>BOWERY</t>
  </si>
  <si>
    <t xml:space="preserve">FIREWORKS #13            </t>
  </si>
  <si>
    <t xml:space="preserve">ROCKS RD  AROMAS_SBCO    </t>
  </si>
  <si>
    <t>EAST MINIDOKA</t>
  </si>
  <si>
    <t>FY2012-GRADY-049</t>
  </si>
  <si>
    <t>725515-94947-2014.gz</t>
  </si>
  <si>
    <t xml:space="preserve">NEAL IC TAC 11           </t>
  </si>
  <si>
    <t>726558-99999-1992.gz</t>
  </si>
  <si>
    <t>722230-13894-2008.gz</t>
  </si>
  <si>
    <t>BIG CEDAR</t>
  </si>
  <si>
    <t>NUCLEAR</t>
  </si>
  <si>
    <t>722788-99999-1999.gz</t>
  </si>
  <si>
    <t>RANGE</t>
  </si>
  <si>
    <t xml:space="preserve">COLLIER                  </t>
  </si>
  <si>
    <t>724920-23237-1997.gz</t>
  </si>
  <si>
    <t>726626-99999-2002.gz</t>
  </si>
  <si>
    <t>ABRAMS</t>
  </si>
  <si>
    <t>RELIEF</t>
  </si>
  <si>
    <t>725845-23225-2002.gz</t>
  </si>
  <si>
    <t>725555-94946-2015.gz</t>
  </si>
  <si>
    <t>722114-54901-2010.gz</t>
  </si>
  <si>
    <t>04-61-40TH STREET FIRE -1574</t>
  </si>
  <si>
    <t>15-0325</t>
  </si>
  <si>
    <t>727504-94999-2007.gz</t>
  </si>
  <si>
    <t>GILBERT FIRE</t>
  </si>
  <si>
    <t>727873-99999-2003.gz</t>
  </si>
  <si>
    <t>CARNEY LAKE</t>
  </si>
  <si>
    <t>727928-94263-2012.gz</t>
  </si>
  <si>
    <t>724110-13741-2000.gz</t>
  </si>
  <si>
    <t xml:space="preserve">KARCHNER                 </t>
  </si>
  <si>
    <t xml:space="preserve">CAMPO                    </t>
  </si>
  <si>
    <t>SCHUENEMAN</t>
  </si>
  <si>
    <t>727515-99999-1999.gz</t>
  </si>
  <si>
    <t>BETHLEHEM (29)</t>
  </si>
  <si>
    <t>722119-12883-2015.gz</t>
  </si>
  <si>
    <t>747915-93718-1994.gz</t>
  </si>
  <si>
    <t>TH1709</t>
  </si>
  <si>
    <t>HWY 152  W/ ROMERO VIS 45</t>
  </si>
  <si>
    <t>MURPHY</t>
  </si>
  <si>
    <t>FY2016-DECATUR-003</t>
  </si>
  <si>
    <t>722108-99999-1998.gz</t>
  </si>
  <si>
    <t>SOUTH PERRY</t>
  </si>
  <si>
    <t>720654-99999-2013.gz</t>
  </si>
  <si>
    <t xml:space="preserve">SQUIRREL                 </t>
  </si>
  <si>
    <t>722319-53943-2009.gz</t>
  </si>
  <si>
    <t>HWY 138W MP 2</t>
  </si>
  <si>
    <t>CR 1120 W</t>
  </si>
  <si>
    <t>HWY 79</t>
  </si>
  <si>
    <t>PLATO GULCH</t>
  </si>
  <si>
    <t>FY2001-MONTGOMERY-016</t>
  </si>
  <si>
    <t>CAVE MOUNTAIN</t>
  </si>
  <si>
    <t>724100-13733-2001.gz</t>
  </si>
  <si>
    <t>CHAMBERLAIN</t>
  </si>
  <si>
    <t>722404-13941-2002.gz</t>
  </si>
  <si>
    <t>BIG UGLY CREEK</t>
  </si>
  <si>
    <t>JEAN</t>
  </si>
  <si>
    <t>720277-63843-2008.gz</t>
  </si>
  <si>
    <t>ABRAM</t>
  </si>
  <si>
    <t>WILLIAMS RD EAST (64)</t>
  </si>
  <si>
    <t>723107-00371-2012.gz</t>
  </si>
  <si>
    <t>722730-03124-1993.gz</t>
  </si>
  <si>
    <t>MS0    1010-4230217004</t>
  </si>
  <si>
    <t>727457-99999-2003.gz</t>
  </si>
  <si>
    <t>POTEET FIRE</t>
  </si>
  <si>
    <t>724755-93129-2010.gz</t>
  </si>
  <si>
    <t xml:space="preserve">ALMOND                   </t>
  </si>
  <si>
    <t>COAL BANK</t>
  </si>
  <si>
    <t>BLACK RIVER FALLS CO-OP 4</t>
  </si>
  <si>
    <t>726437-94940-2014.gz</t>
  </si>
  <si>
    <t>04-24-NOV/ BURNHAM FIRE -1279</t>
  </si>
  <si>
    <t>CR 222</t>
  </si>
  <si>
    <t>720578-00176-2015.gz</t>
  </si>
  <si>
    <t>1349 CR 650</t>
  </si>
  <si>
    <t>KIMAMA</t>
  </si>
  <si>
    <t>725867-24133-2013.gz</t>
  </si>
  <si>
    <t>725976-94285-2007.gz</t>
  </si>
  <si>
    <t>BOULDER LAKE</t>
  </si>
  <si>
    <t>725050-04781-2007.gz</t>
  </si>
  <si>
    <t>SEVEN POINTS FIRE</t>
  </si>
  <si>
    <t>725456-99999-1997.gz</t>
  </si>
  <si>
    <t>SWIMMING HOLE</t>
  </si>
  <si>
    <t>994086-99999-2008.gz</t>
  </si>
  <si>
    <t>COX</t>
  </si>
  <si>
    <t>CAMPBELL BL / WINTON PK 3</t>
  </si>
  <si>
    <t>BIG TREE</t>
  </si>
  <si>
    <t>726627-99999-1998.gz</t>
  </si>
  <si>
    <t>720501-00155-2014.gz</t>
  </si>
  <si>
    <t>997280-99999-2014.gz</t>
  </si>
  <si>
    <t>TROY</t>
  </si>
  <si>
    <t xml:space="preserve">YORK                     </t>
  </si>
  <si>
    <t>NER-20150212-001</t>
  </si>
  <si>
    <t>ALAMUCHA</t>
  </si>
  <si>
    <t>#7041</t>
  </si>
  <si>
    <t>724510-13985-2015.gz</t>
  </si>
  <si>
    <t>RIVERBED</t>
  </si>
  <si>
    <t>722788-99999-1998.gz</t>
  </si>
  <si>
    <t>724455-14938-1992.gz</t>
  </si>
  <si>
    <t>FY2000-MURRAY-144</t>
  </si>
  <si>
    <t>RAMBO</t>
  </si>
  <si>
    <t>FY2011-JEFF DAVIS-098</t>
  </si>
  <si>
    <t>PULASKI MINE</t>
  </si>
  <si>
    <t>WHIPPOORWILL</t>
  </si>
  <si>
    <t>111 RANCH</t>
  </si>
  <si>
    <t>SHORES RD (67)</t>
  </si>
  <si>
    <t>720735-99999-2011.gz</t>
  </si>
  <si>
    <t xml:space="preserve">MASAMI                   </t>
  </si>
  <si>
    <t>LD1002</t>
  </si>
  <si>
    <t>FY2001-TWIGGS-045</t>
  </si>
  <si>
    <t>STATION 5 FIRE</t>
  </si>
  <si>
    <t>MIDNIGHT</t>
  </si>
  <si>
    <t>TIES</t>
  </si>
  <si>
    <t>MS0    1010-3510925002</t>
  </si>
  <si>
    <t>WILLOWBEND</t>
  </si>
  <si>
    <t>HAMILTON CREEK</t>
  </si>
  <si>
    <t>FOX LAKE</t>
  </si>
  <si>
    <t>747946-12886-2006.gz</t>
  </si>
  <si>
    <t>JUNE DAVIS FIRE</t>
  </si>
  <si>
    <t>724502-99999-2003.gz</t>
  </si>
  <si>
    <t>MCCLOUD RD.</t>
  </si>
  <si>
    <t>722553-53928-2008.gz</t>
  </si>
  <si>
    <t>MIDLAND 15</t>
  </si>
  <si>
    <t>720629-00216-2012.gz</t>
  </si>
  <si>
    <t>722053-12841-1994.gz</t>
  </si>
  <si>
    <t>NER-20140310-001</t>
  </si>
  <si>
    <t>723060-13722-1994.gz</t>
  </si>
  <si>
    <t>R89</t>
  </si>
  <si>
    <t>11132011-DANFORTH RD</t>
  </si>
  <si>
    <t>723447-03918-2008.gz</t>
  </si>
  <si>
    <t>724463-13988-1995.gz</t>
  </si>
  <si>
    <t>AG DUMP 3</t>
  </si>
  <si>
    <t>727680-94008-1994.gz</t>
  </si>
  <si>
    <t>NORTH DAG</t>
  </si>
  <si>
    <t>132 days 00:00:00.000000000</t>
  </si>
  <si>
    <t>SLIDE</t>
  </si>
  <si>
    <t>FY2015-JOHNSON-034</t>
  </si>
  <si>
    <t>3268 E HWY 114</t>
  </si>
  <si>
    <t>COAL RIVER</t>
  </si>
  <si>
    <t>701745-26480-2007.gz</t>
  </si>
  <si>
    <t>APPLE VALLEY</t>
  </si>
  <si>
    <t>CHINAS</t>
  </si>
  <si>
    <t>747950-12867-1995.gz</t>
  </si>
  <si>
    <t>DOUBLE UP</t>
  </si>
  <si>
    <t xml:space="preserve">RUIZ                     </t>
  </si>
  <si>
    <t>RL534</t>
  </si>
  <si>
    <t xml:space="preserve">USHER                    </t>
  </si>
  <si>
    <t>FY2015-HALL-005</t>
  </si>
  <si>
    <t>ERICKSON</t>
  </si>
  <si>
    <t>JACOB 1</t>
  </si>
  <si>
    <t>720314-93983-2008.gz</t>
  </si>
  <si>
    <t>TWOMILE CANYON</t>
  </si>
  <si>
    <t>BOARDMAN</t>
  </si>
  <si>
    <t>APPLE PIA RIDGE</t>
  </si>
  <si>
    <t>724275-14894-2000.gz</t>
  </si>
  <si>
    <t>DOVE CREEK</t>
  </si>
  <si>
    <t>MUT DEPOT AND SPRAGUE</t>
  </si>
  <si>
    <t>CR 2133</t>
  </si>
  <si>
    <t>CLIFFORD</t>
  </si>
  <si>
    <t>727740-24135-2013.gz</t>
  </si>
  <si>
    <t>HAYES</t>
  </si>
  <si>
    <t>724795-99999-1993.gz</t>
  </si>
  <si>
    <t>FY2001-WILCOX-024</t>
  </si>
  <si>
    <t>SONORA</t>
  </si>
  <si>
    <t>724926-23258-2011.gz</t>
  </si>
  <si>
    <t>D&amp;D TRUCKING 1</t>
  </si>
  <si>
    <t>720358-53999-2009.gz</t>
  </si>
  <si>
    <t>724765-93013-2011.gz</t>
  </si>
  <si>
    <t>727834-99999-1997.gz</t>
  </si>
  <si>
    <t>BLACKWATER FIRE</t>
  </si>
  <si>
    <t>BOWSER</t>
  </si>
  <si>
    <t>ELECTRIC FENCE</t>
  </si>
  <si>
    <t>MS0    0909-4200209002</t>
  </si>
  <si>
    <t>PARADE</t>
  </si>
  <si>
    <t xml:space="preserve">LAUREL CMD4 T7 W2        </t>
  </si>
  <si>
    <t>745058-23277-2007.gz</t>
  </si>
  <si>
    <t>HORSE ARENA</t>
  </si>
  <si>
    <t>FY2015-CRISP-014</t>
  </si>
  <si>
    <t xml:space="preserve">AVE 21  / RD 14 4        </t>
  </si>
  <si>
    <t>GORDON CREEK</t>
  </si>
  <si>
    <t>TALL</t>
  </si>
  <si>
    <t>SER-20141103-002</t>
  </si>
  <si>
    <t>KLEIN RANCH</t>
  </si>
  <si>
    <t>YELLOW BEAR</t>
  </si>
  <si>
    <t>726458-99999-1998.gz</t>
  </si>
  <si>
    <t>FY2011-DAWSON-013</t>
  </si>
  <si>
    <t>722109-00355-2011.gz</t>
  </si>
  <si>
    <t>722357-99999-2003.gz</t>
  </si>
  <si>
    <t>GAULKE</t>
  </si>
  <si>
    <t>726404-99999-2001.gz</t>
  </si>
  <si>
    <t>FAIRWAY</t>
  </si>
  <si>
    <t>724940-23234-2008.gz</t>
  </si>
  <si>
    <t>725810-24193-2009.gz</t>
  </si>
  <si>
    <t>744904-99999-1995.gz</t>
  </si>
  <si>
    <t>725150-04725-1996.gz</t>
  </si>
  <si>
    <t>DIANA</t>
  </si>
  <si>
    <t>WHILDEN (35)</t>
  </si>
  <si>
    <t>725058-94793-1997.gz</t>
  </si>
  <si>
    <t>726682-54914-2014.gz</t>
  </si>
  <si>
    <t>DOC</t>
  </si>
  <si>
    <t>COW CAMP FIRE (60)</t>
  </si>
  <si>
    <t>722213-12819-2011.gz</t>
  </si>
  <si>
    <t>722200-12832-2006.gz</t>
  </si>
  <si>
    <t>RED MANGO (36)</t>
  </si>
  <si>
    <t>997346-99999-2014.gz</t>
  </si>
  <si>
    <t>COLEMAN BNSF WRECK</t>
  </si>
  <si>
    <t>720771-00276-2012.gz</t>
  </si>
  <si>
    <t>POINTER</t>
  </si>
  <si>
    <t>720379-63882-2014.gz</t>
  </si>
  <si>
    <t>OLD MAXTON ROAD</t>
  </si>
  <si>
    <t>UNIT 4 BONFIRE WF</t>
  </si>
  <si>
    <t>FY2000-CHARLTON-060</t>
  </si>
  <si>
    <t>BLUESKY #4</t>
  </si>
  <si>
    <t>1050 E. N. OGDEN</t>
  </si>
  <si>
    <t>BEIHL</t>
  </si>
  <si>
    <t>ROADSIDE BURN</t>
  </si>
  <si>
    <t>720639-00225-2015.gz</t>
  </si>
  <si>
    <t>725905-23275-2011.gz</t>
  </si>
  <si>
    <t>PISTOL BH</t>
  </si>
  <si>
    <t>722720-93063-1999.gz</t>
  </si>
  <si>
    <t>MILLER LAKE WPA</t>
  </si>
  <si>
    <t>726547-99999-2003.gz</t>
  </si>
  <si>
    <t>PALOMA</t>
  </si>
  <si>
    <t>727437-99999-2003.gz</t>
  </si>
  <si>
    <t>EP PIPELINE</t>
  </si>
  <si>
    <t>7-MILE</t>
  </si>
  <si>
    <t>GLASGOWFIRE</t>
  </si>
  <si>
    <t>723510-13966-2014.gz</t>
  </si>
  <si>
    <t>727475-99999-1994.gz</t>
  </si>
  <si>
    <t>CR 249</t>
  </si>
  <si>
    <t xml:space="preserve">LETTON                   </t>
  </si>
  <si>
    <t>997784-99999-2010.gz</t>
  </si>
  <si>
    <t>RHATT RD FIRE</t>
  </si>
  <si>
    <t>GOINS FIRE</t>
  </si>
  <si>
    <t>723068-99999-2004.gz</t>
  </si>
  <si>
    <t xml:space="preserve">HONCUT IC TAC 11 2       </t>
  </si>
  <si>
    <t xml:space="preserve">NAVAJO                   </t>
  </si>
  <si>
    <t>LINDEN - 38</t>
  </si>
  <si>
    <t>STATE HWY 274</t>
  </si>
  <si>
    <t>BARROW RANCH FIRE</t>
  </si>
  <si>
    <t>722688-93034-2009.gz</t>
  </si>
  <si>
    <t>NUNTRAGUT</t>
  </si>
  <si>
    <t>701940-26413-2003.gz</t>
  </si>
  <si>
    <t>MENDENHALL CAMP</t>
  </si>
  <si>
    <t>703810-25309-2003.gz</t>
  </si>
  <si>
    <t>BRIAR PATCH</t>
  </si>
  <si>
    <t>TWIN PINES</t>
  </si>
  <si>
    <t>ASHWIL</t>
  </si>
  <si>
    <t>ADKINS LN</t>
  </si>
  <si>
    <t>723040-93729-1993.gz</t>
  </si>
  <si>
    <t>UNNAMED FIRE 3720</t>
  </si>
  <si>
    <t>LD2605</t>
  </si>
  <si>
    <t>HI-LINE</t>
  </si>
  <si>
    <t>727810-24243-2011.gz</t>
  </si>
  <si>
    <t>SENTINELLA (36)</t>
  </si>
  <si>
    <t>WHEELEHON</t>
  </si>
  <si>
    <t>723300-03975-2012.gz</t>
  </si>
  <si>
    <t>DUCK LAKE</t>
  </si>
  <si>
    <t>727468-99999-2001.gz</t>
  </si>
  <si>
    <t>SULLIVAN R</t>
  </si>
  <si>
    <t>723067-93726-2007.gz</t>
  </si>
  <si>
    <t>FY2000-CARROLL-059</t>
  </si>
  <si>
    <t>FY2014-DODGE-010</t>
  </si>
  <si>
    <t>HYDRANT</t>
  </si>
  <si>
    <t>722505-12904-2002.gz</t>
  </si>
  <si>
    <t>BLACK GATE</t>
  </si>
  <si>
    <t>723145-03810-2010.gz</t>
  </si>
  <si>
    <t>DON'T KNOW</t>
  </si>
  <si>
    <t>723165-99999-2001.gz</t>
  </si>
  <si>
    <t>FY2000-LUMPKIN-069</t>
  </si>
  <si>
    <t>DEEPWOODS FIRE</t>
  </si>
  <si>
    <t>KAYS RD 2</t>
  </si>
  <si>
    <t>LANDING STRIP ( 13 )</t>
  </si>
  <si>
    <t>722029-12888-2015.gz</t>
  </si>
  <si>
    <t>726465-99999-1999.gz</t>
  </si>
  <si>
    <t>727836-99999-1994.gz</t>
  </si>
  <si>
    <t xml:space="preserve">STEVE SCHIMILFENIG </t>
  </si>
  <si>
    <t>CLEBURNE</t>
  </si>
  <si>
    <t>GLADES RD</t>
  </si>
  <si>
    <t>720353-63875-2010.gz</t>
  </si>
  <si>
    <t>MS0315</t>
  </si>
  <si>
    <t>ROCKY CANYON</t>
  </si>
  <si>
    <t>SPEECH</t>
  </si>
  <si>
    <t>SIX SHOOTER</t>
  </si>
  <si>
    <t>722164-53949-2007.gz</t>
  </si>
  <si>
    <t>720654-99999-2010.gz</t>
  </si>
  <si>
    <t>RL139</t>
  </si>
  <si>
    <t>725224-04852-2013.gz</t>
  </si>
  <si>
    <t>MS0    0909-2400224004</t>
  </si>
  <si>
    <t>CEDAR CREE</t>
  </si>
  <si>
    <t>COUNTY CAMP SET 1 (40)</t>
  </si>
  <si>
    <t>MEDEARIS</t>
  </si>
  <si>
    <t>727856-99999-2002.gz</t>
  </si>
  <si>
    <t>FY2002-GRADY-043</t>
  </si>
  <si>
    <t>SOUTH LAKE</t>
  </si>
  <si>
    <t>723826-99999-1997.gz</t>
  </si>
  <si>
    <t>UNCLE SAM FIRE</t>
  </si>
  <si>
    <t>720398-99999-2009.gz</t>
  </si>
  <si>
    <t>BAROMETER</t>
  </si>
  <si>
    <t>723627-23081-2000.gz</t>
  </si>
  <si>
    <t>DRAGLINE  (43)</t>
  </si>
  <si>
    <t>800 GREEN BRANCH ROAD</t>
  </si>
  <si>
    <t>722596-13961-2010.gz</t>
  </si>
  <si>
    <t>723556-93953-2011.gz</t>
  </si>
  <si>
    <t>725624-14994-2009.gz</t>
  </si>
  <si>
    <t>NOR-20150203-001</t>
  </si>
  <si>
    <t>FY2000-DODGE-060</t>
  </si>
  <si>
    <t>L31 EAST</t>
  </si>
  <si>
    <t>TOMAN</t>
  </si>
  <si>
    <t>727925-99999-1998.gz</t>
  </si>
  <si>
    <t>RIGHT FORK OF MIDDLE FORK</t>
  </si>
  <si>
    <t>724170-13729-1993.gz</t>
  </si>
  <si>
    <t>CITY</t>
  </si>
  <si>
    <t xml:space="preserve">TULLY                    </t>
  </si>
  <si>
    <t>720415-00140-2012.gz</t>
  </si>
  <si>
    <t>FY2002-EMANUEL-094</t>
  </si>
  <si>
    <t>PLUM CREEK</t>
  </si>
  <si>
    <t>BEN</t>
  </si>
  <si>
    <t>JOHNSON FIRE</t>
  </si>
  <si>
    <t>DIAMOND RANCH</t>
  </si>
  <si>
    <t>726518-94990-2011.gz</t>
  </si>
  <si>
    <t>CASINO ENTRANCE</t>
  </si>
  <si>
    <t>747812-63813-2007.gz</t>
  </si>
  <si>
    <t>726880-24155-1995.gz</t>
  </si>
  <si>
    <t>CURRAHEE</t>
  </si>
  <si>
    <t>WOLFE</t>
  </si>
  <si>
    <t>HARPER HOUSE RD.</t>
  </si>
  <si>
    <t>FISH LAKE (RX/WF)</t>
  </si>
  <si>
    <t>727506-99999-2000.gz</t>
  </si>
  <si>
    <t>SQUAW CRK</t>
  </si>
  <si>
    <t>726170-14742-2007.gz</t>
  </si>
  <si>
    <t>727135-99999-2001.gz</t>
  </si>
  <si>
    <t>HARRIS RD</t>
  </si>
  <si>
    <t>FY2014-SCHLEY-012</t>
  </si>
  <si>
    <t>BYLAS FARMING</t>
  </si>
  <si>
    <t>722323-99999-2008.gz</t>
  </si>
  <si>
    <t>FY2013-JASPER-006</t>
  </si>
  <si>
    <t>720348-63886-2013.gz</t>
  </si>
  <si>
    <t>MS0    1111-5570602009</t>
  </si>
  <si>
    <t>BENNETT</t>
  </si>
  <si>
    <t>722686-99999-2000.gz</t>
  </si>
  <si>
    <t>ROBINSON ROCK PIT(38)</t>
  </si>
  <si>
    <t>720655-00235-2013.gz</t>
  </si>
  <si>
    <t>SLACK CYN</t>
  </si>
  <si>
    <t>727825-94239-2008.gz</t>
  </si>
  <si>
    <t>724097-99999-1998.gz</t>
  </si>
  <si>
    <t>13-0000951</t>
  </si>
  <si>
    <t>722547-53942-2013.gz</t>
  </si>
  <si>
    <t>I84 3TA9</t>
  </si>
  <si>
    <t>FY2015-PIERCE-018</t>
  </si>
  <si>
    <t>SKYLINE II</t>
  </si>
  <si>
    <t>WALKINGSTICK</t>
  </si>
  <si>
    <t>997337-99999-2010.gz</t>
  </si>
  <si>
    <t>BOUNDRY</t>
  </si>
  <si>
    <t>BUNNELS RUN</t>
  </si>
  <si>
    <t>724273-03804-2002.gz</t>
  </si>
  <si>
    <t>725157-54757-2009.gz</t>
  </si>
  <si>
    <t>MARY ANN</t>
  </si>
  <si>
    <t>PASADENA</t>
  </si>
  <si>
    <t>MS0    0808-3341122002</t>
  </si>
  <si>
    <t>727508-54915-2009.gz</t>
  </si>
  <si>
    <t>727730-24153-2007.gz</t>
  </si>
  <si>
    <t>STORM CREEK</t>
  </si>
  <si>
    <t>727458-99999-1995.gz</t>
  </si>
  <si>
    <t>#1131 RD FIRE</t>
  </si>
  <si>
    <t>722103-99999-2004.gz</t>
  </si>
  <si>
    <t>RL302</t>
  </si>
  <si>
    <t>HENDERSON - 020</t>
  </si>
  <si>
    <t>TRVFD2010-70</t>
  </si>
  <si>
    <t>RED LAKE 319</t>
  </si>
  <si>
    <t>727486-04983-2010.gz</t>
  </si>
  <si>
    <t>720175-53919-2007.gz</t>
  </si>
  <si>
    <t xml:space="preserve">BURGESS                  </t>
  </si>
  <si>
    <t>MARBLE</t>
  </si>
  <si>
    <t>722786-23104-2009.gz</t>
  </si>
  <si>
    <t>NORTH GATE</t>
  </si>
  <si>
    <t xml:space="preserve">SPRECKLES                </t>
  </si>
  <si>
    <t>FY2002-RICHMOND-034</t>
  </si>
  <si>
    <t xml:space="preserve">SCHROVEN                 </t>
  </si>
  <si>
    <t>FY2002-IRWIN-012</t>
  </si>
  <si>
    <t>722284-99999-1999.gz</t>
  </si>
  <si>
    <t>WEST MESA</t>
  </si>
  <si>
    <t>722693-99999-1993.gz</t>
  </si>
  <si>
    <t>727456-99999-2001.gz</t>
  </si>
  <si>
    <t>745310-93065-1992.gz</t>
  </si>
  <si>
    <t>HANDY HOLLOW 1</t>
  </si>
  <si>
    <t>723647-99999-2001.gz</t>
  </si>
  <si>
    <t xml:space="preserve">PALERMO                  </t>
  </si>
  <si>
    <t>722486-13942-2006.gz</t>
  </si>
  <si>
    <t>WATIE ROCK</t>
  </si>
  <si>
    <t>PEPPER</t>
  </si>
  <si>
    <t>RED BARN</t>
  </si>
  <si>
    <t>723654-99999-1998.gz</t>
  </si>
  <si>
    <t>FOUR HOUR POWERLINE FIRE</t>
  </si>
  <si>
    <t>BIIRKELAND BROS.</t>
  </si>
  <si>
    <t>726539-94056-2007.gz</t>
  </si>
  <si>
    <t>JERRITT SOUTH</t>
  </si>
  <si>
    <t>725825-24121-2015.gz</t>
  </si>
  <si>
    <t>MS0    1111-2350612003</t>
  </si>
  <si>
    <t>FY2013-JEFF DAVIS-054</t>
  </si>
  <si>
    <t>721035-00352-2013.gz</t>
  </si>
  <si>
    <t>E39 (06)</t>
  </si>
  <si>
    <t>722024-12882-2011.gz</t>
  </si>
  <si>
    <t>FY2000-PEACH-017</t>
  </si>
  <si>
    <t>FENCE</t>
  </si>
  <si>
    <t>SUE</t>
  </si>
  <si>
    <t>722537-12961-2008.gz</t>
  </si>
  <si>
    <t>725565-94951-2007.gz</t>
  </si>
  <si>
    <t>WILDWASH 2</t>
  </si>
  <si>
    <t>ABARR</t>
  </si>
  <si>
    <t>725825-24121-1999.gz</t>
  </si>
  <si>
    <t>724105-93760-2013.gz</t>
  </si>
  <si>
    <t>39 HILL</t>
  </si>
  <si>
    <t>720175-53919-2010.gz</t>
  </si>
  <si>
    <t>NWILLOWS</t>
  </si>
  <si>
    <t>994260-99999-2001.gz</t>
  </si>
  <si>
    <t>LJ RUSSELL</t>
  </si>
  <si>
    <t>WILA MAE LANE</t>
  </si>
  <si>
    <t>CHRISTEN</t>
  </si>
  <si>
    <t>VAUGHAN FIRE</t>
  </si>
  <si>
    <t>723079-99999-1999.gz</t>
  </si>
  <si>
    <t>42/THE 57TH PLACE FIRE</t>
  </si>
  <si>
    <t>FY2015-WILKES-006</t>
  </si>
  <si>
    <t xml:space="preserve">GEYSERS INCIDENT         </t>
  </si>
  <si>
    <t xml:space="preserve">SKYWAY                   </t>
  </si>
  <si>
    <t>723034-93747-2009.gz</t>
  </si>
  <si>
    <t>UNDERWOOD FIRE</t>
  </si>
  <si>
    <t xml:space="preserve">EMMIGRANT                </t>
  </si>
  <si>
    <t>723439-99999-2000.gz</t>
  </si>
  <si>
    <t>994015-99999-2010.gz</t>
  </si>
  <si>
    <t>RYAN RANCH</t>
  </si>
  <si>
    <t>MARRINGTON</t>
  </si>
  <si>
    <t>724084-04739-1994.gz</t>
  </si>
  <si>
    <t>BRUCE COGGINS RD. FIRE</t>
  </si>
  <si>
    <t>725512-14989-2009.gz</t>
  </si>
  <si>
    <t>REMINGTON ROAD</t>
  </si>
  <si>
    <t>A00031-03725-2014.gz</t>
  </si>
  <si>
    <t>994360-99999-1993.gz</t>
  </si>
  <si>
    <t>OLD DUMP 1</t>
  </si>
  <si>
    <t>DECKER RIDGE</t>
  </si>
  <si>
    <t>722253-53992-2012.gz</t>
  </si>
  <si>
    <t>ROUTE 630</t>
  </si>
  <si>
    <t>TRACTOR ( 50 )</t>
  </si>
  <si>
    <t>723626-03737-2008.gz</t>
  </si>
  <si>
    <t>MS1702</t>
  </si>
  <si>
    <t>CR 210 #2</t>
  </si>
  <si>
    <t xml:space="preserve">CARLOTTA                 </t>
  </si>
  <si>
    <t>JONES</t>
  </si>
  <si>
    <t>DIABLO</t>
  </si>
  <si>
    <t>JULY</t>
  </si>
  <si>
    <t>725327-99999-2000.gz</t>
  </si>
  <si>
    <t>BAY</t>
  </si>
  <si>
    <t>720657-99999-2013.gz</t>
  </si>
  <si>
    <t>SWINSON FARM</t>
  </si>
  <si>
    <t>743700-99999-2005.gz</t>
  </si>
  <si>
    <t>725484-04942-2015.gz</t>
  </si>
  <si>
    <t>FY2002-CLAYTON-006</t>
  </si>
  <si>
    <t>FY2001-DADE-031</t>
  </si>
  <si>
    <t>FY2015-MACON-008</t>
  </si>
  <si>
    <t>720744-00271-2012.gz</t>
  </si>
  <si>
    <t>ASPHALT</t>
  </si>
  <si>
    <t>725825-24121-2001.gz</t>
  </si>
  <si>
    <t>724338-13802-2007.gz</t>
  </si>
  <si>
    <t>724237-99999-1998.gz</t>
  </si>
  <si>
    <t xml:space="preserve">PE&amp;E #2                  </t>
  </si>
  <si>
    <t xml:space="preserve">AERA #3                  </t>
  </si>
  <si>
    <t>CUT FIRE</t>
  </si>
  <si>
    <t>725626-24091-2011.gz</t>
  </si>
  <si>
    <t>725467-04973-2011.gz</t>
  </si>
  <si>
    <t>BOWLING (47)</t>
  </si>
  <si>
    <t>MILL MOUNTAIN</t>
  </si>
  <si>
    <t>727833-04114-2003.gz</t>
  </si>
  <si>
    <t>726886-24130-2007.gz</t>
  </si>
  <si>
    <t xml:space="preserve">BASELINE                 </t>
  </si>
  <si>
    <t>FY2001-JENKINS-046</t>
  </si>
  <si>
    <t>727455-94931-2015.gz</t>
  </si>
  <si>
    <t>BEAR TOOTH</t>
  </si>
  <si>
    <t>726685-99999-2004.gz</t>
  </si>
  <si>
    <t>BUNGALOW WOODS HOUSING</t>
  </si>
  <si>
    <t>FY2002-SEMINOLE-082</t>
  </si>
  <si>
    <t>OR-MAF-034</t>
  </si>
  <si>
    <t>RANGE FIRE</t>
  </si>
  <si>
    <t>BEE</t>
  </si>
  <si>
    <t>723783-99999-2001.gz</t>
  </si>
  <si>
    <t>COMBINE</t>
  </si>
  <si>
    <t>720624-00211-2011.gz</t>
  </si>
  <si>
    <t>GRAVEL FIRE</t>
  </si>
  <si>
    <t>720455-00145-2011.gz</t>
  </si>
  <si>
    <t>PALM MEADOW</t>
  </si>
  <si>
    <t>LINDEN - 40</t>
  </si>
  <si>
    <t>722480-13957-2008.gz</t>
  </si>
  <si>
    <t>VILLA NUEVA WEST</t>
  </si>
  <si>
    <t>722508-12957-2005.gz</t>
  </si>
  <si>
    <t>RADKIN RANCH FIRE</t>
  </si>
  <si>
    <t>744653-63814-2006.gz</t>
  </si>
  <si>
    <t>CHAIR</t>
  </si>
  <si>
    <t>THE 'T'</t>
  </si>
  <si>
    <t>725636-24017-2004.gz</t>
  </si>
  <si>
    <t>DEANE #2</t>
  </si>
  <si>
    <t>OTTER CREEK</t>
  </si>
  <si>
    <t>722026-12826-2008.gz</t>
  </si>
  <si>
    <t>722136-53883-2007.gz</t>
  </si>
  <si>
    <t xml:space="preserve">CAJON                    </t>
  </si>
  <si>
    <t>KILLSMALL</t>
  </si>
  <si>
    <t>BURNT TENT</t>
  </si>
  <si>
    <t>723347-99999-2001.gz</t>
  </si>
  <si>
    <t>ROCKY FORK</t>
  </si>
  <si>
    <t>722269-03850-2005.gz</t>
  </si>
  <si>
    <t>STOTTLER</t>
  </si>
  <si>
    <t>992120-99999-2001.gz</t>
  </si>
  <si>
    <t>725565-94951-2011.gz</t>
  </si>
  <si>
    <t>JAKES</t>
  </si>
  <si>
    <t>SHELL MOUND</t>
  </si>
  <si>
    <t>MS0    0909-3380310001</t>
  </si>
  <si>
    <t>722587-99999-1999.gz</t>
  </si>
  <si>
    <t>724113-53881-2006.gz</t>
  </si>
  <si>
    <t>MANZANITA</t>
  </si>
  <si>
    <t>ADDISON RD.</t>
  </si>
  <si>
    <t>SAND POINT II</t>
  </si>
  <si>
    <t xml:space="preserve">HILT                     </t>
  </si>
  <si>
    <t>LYNN ROAD</t>
  </si>
  <si>
    <t>727855-24114-2012.gz</t>
  </si>
  <si>
    <t>TRANSIENT CAMP</t>
  </si>
  <si>
    <t>746939-93785-2015.gz</t>
  </si>
  <si>
    <t>HALLY BELL CURVE</t>
  </si>
  <si>
    <t>BRITT</t>
  </si>
  <si>
    <t>JONES OIL</t>
  </si>
  <si>
    <t>722044-53930-2012.gz</t>
  </si>
  <si>
    <t>F.M. 756</t>
  </si>
  <si>
    <t>722448-13972-2012.gz</t>
  </si>
  <si>
    <t>ST. FLORIAN FIRE</t>
  </si>
  <si>
    <t>726385-99999-2005.gz</t>
  </si>
  <si>
    <t>GREG MORENO</t>
  </si>
  <si>
    <t>COCKRAN 3</t>
  </si>
  <si>
    <t>VALLEY VIEW WELDING BRUSH FIRE</t>
  </si>
  <si>
    <t>720323-93947-2013.gz</t>
  </si>
  <si>
    <t>TOWER AND RAMSEYER</t>
  </si>
  <si>
    <t>722200-12832-2008.gz</t>
  </si>
  <si>
    <t>722119-99999-2004.gz</t>
  </si>
  <si>
    <t>JUNKYARD DAWG</t>
  </si>
  <si>
    <t>SAVANAH LANE</t>
  </si>
  <si>
    <t>724127-99999-2001.gz</t>
  </si>
  <si>
    <t>UNNAMED FIRE 2034</t>
  </si>
  <si>
    <t>GUZMAN FIRE</t>
  </si>
  <si>
    <t>GRIMES</t>
  </si>
  <si>
    <t xml:space="preserve">FIRST                    </t>
  </si>
  <si>
    <t>SHANNON BRANCH</t>
  </si>
  <si>
    <t>723416-13925-2007.gz</t>
  </si>
  <si>
    <t>THAD</t>
  </si>
  <si>
    <t>MS0    0808-3120220003</t>
  </si>
  <si>
    <t>725130-14777-2009.gz</t>
  </si>
  <si>
    <t>724400-13995-2003.gz</t>
  </si>
  <si>
    <t>PARTRIDGE CEEK</t>
  </si>
  <si>
    <t>725864-94182-2012.gz</t>
  </si>
  <si>
    <t>724014-99999-2002.gz</t>
  </si>
  <si>
    <t>MOSES</t>
  </si>
  <si>
    <t>BEN9244970</t>
  </si>
  <si>
    <t>723449-53954-2014.gz</t>
  </si>
  <si>
    <t>SPINKS RD</t>
  </si>
  <si>
    <t>REZ LINE</t>
  </si>
  <si>
    <t>726654-99999-2004.gz</t>
  </si>
  <si>
    <t>140 days 00:00:00.000000000</t>
  </si>
  <si>
    <t>744104-14763-2014.gz</t>
  </si>
  <si>
    <t>994380-99999-1995.gz</t>
  </si>
  <si>
    <t>MOCUS</t>
  </si>
  <si>
    <t>PANTERA</t>
  </si>
  <si>
    <t xml:space="preserve">LATROBE                  </t>
  </si>
  <si>
    <t xml:space="preserve">ROSENBERG                </t>
  </si>
  <si>
    <t>ROE GULCH</t>
  </si>
  <si>
    <t>FURNITURE</t>
  </si>
  <si>
    <t>NEW YEAR</t>
  </si>
  <si>
    <t xml:space="preserve">BLUE BELLY               </t>
  </si>
  <si>
    <t>FIRE SAM</t>
  </si>
  <si>
    <t>ASHLEY RD (43)</t>
  </si>
  <si>
    <t>ZACERY RD</t>
  </si>
  <si>
    <t>METZ</t>
  </si>
  <si>
    <t>725035-04781-2007.gz</t>
  </si>
  <si>
    <t>BAKER RD</t>
  </si>
  <si>
    <t>747808-63803-2008.gz</t>
  </si>
  <si>
    <t>FY2000-SEMINOLE-103</t>
  </si>
  <si>
    <t>CR 3710</t>
  </si>
  <si>
    <t>15-0056</t>
  </si>
  <si>
    <t>MAR4763509</t>
  </si>
  <si>
    <t>724100-13733-2000.gz</t>
  </si>
  <si>
    <t>LS MESA</t>
  </si>
  <si>
    <t>NATION</t>
  </si>
  <si>
    <t>724336-99999-2001.gz</t>
  </si>
  <si>
    <t>WILDLAND GINGER</t>
  </si>
  <si>
    <t>HORSE MTN</t>
  </si>
  <si>
    <t>722710-93045-1996.gz</t>
  </si>
  <si>
    <t>722214-03070-2013.gz</t>
  </si>
  <si>
    <t>OTTERMAN</t>
  </si>
  <si>
    <t>POPE COUNTY</t>
  </si>
  <si>
    <t>720170-63851-2009.gz</t>
  </si>
  <si>
    <t>722588-13926-2006.gz</t>
  </si>
  <si>
    <t>WHISTLING DUCK</t>
  </si>
  <si>
    <t>WISHRAM</t>
  </si>
  <si>
    <t xml:space="preserve">GAFFORD                  </t>
  </si>
  <si>
    <t>THOMAS SPRINGS RD.</t>
  </si>
  <si>
    <t>723260-13891-1992.gz</t>
  </si>
  <si>
    <t>FY2001-MCINTOSH-090</t>
  </si>
  <si>
    <t>723425-00373-2009.gz</t>
  </si>
  <si>
    <t>CRICKET RD.</t>
  </si>
  <si>
    <t>DEANFIELDSRD.(38)</t>
  </si>
  <si>
    <t>720655-00235-2012.gz</t>
  </si>
  <si>
    <t>MASON LAKE FIRE</t>
  </si>
  <si>
    <t>57-MELODY LANE-1213</t>
  </si>
  <si>
    <t>720383-53847-2010.gz</t>
  </si>
  <si>
    <t>MONUMENT 2</t>
  </si>
  <si>
    <t>NO NAME 292</t>
  </si>
  <si>
    <t>DUMP FIRE - RT 209</t>
  </si>
  <si>
    <t>725144-54723-2012.gz</t>
  </si>
  <si>
    <t>BONANZA CREEK</t>
  </si>
  <si>
    <t>701748-99999-2011.gz</t>
  </si>
  <si>
    <t>BRIDGE GULCH</t>
  </si>
  <si>
    <t>MARSHMELLOW</t>
  </si>
  <si>
    <t>725266-04751-2008.gz</t>
  </si>
  <si>
    <t>FY2000-JOHNSON-037</t>
  </si>
  <si>
    <t>722410-12917-2001.gz</t>
  </si>
  <si>
    <t>726578-99999-1994.gz</t>
  </si>
  <si>
    <t>720301-63846-2009.gz</t>
  </si>
  <si>
    <t>HELISPOT FIRE</t>
  </si>
  <si>
    <t>723747-03101-2009.gz</t>
  </si>
  <si>
    <t>CARRIZO</t>
  </si>
  <si>
    <t>OAKOHAY RIVER BRANCH</t>
  </si>
  <si>
    <t>MICHIGAN</t>
  </si>
  <si>
    <t>720277-63843-2014.gz</t>
  </si>
  <si>
    <t>EAGLE CREEK 2</t>
  </si>
  <si>
    <t>701748-99999-2009.gz</t>
  </si>
  <si>
    <t xml:space="preserve">CHEVRON                  </t>
  </si>
  <si>
    <t>ZEB HAUGHT ROAD</t>
  </si>
  <si>
    <t>724176-13736-2012.gz</t>
  </si>
  <si>
    <t>AJ</t>
  </si>
  <si>
    <t>723449-53954-2006.gz</t>
  </si>
  <si>
    <t>744989-99999-2003.gz</t>
  </si>
  <si>
    <t>MM88</t>
  </si>
  <si>
    <t>MCLEOD RD.</t>
  </si>
  <si>
    <t>9 LIVES</t>
  </si>
  <si>
    <t>726685-99999-1996.gz</t>
  </si>
  <si>
    <t>STUD HORSE</t>
  </si>
  <si>
    <t>720635-00221-2011.gz</t>
  </si>
  <si>
    <t>726228-99999-1994.gz</t>
  </si>
  <si>
    <t>RIM ROCK</t>
  </si>
  <si>
    <t>CABLE CREEK</t>
  </si>
  <si>
    <t>SPUR</t>
  </si>
  <si>
    <t>MESSINGER</t>
  </si>
  <si>
    <t>SHAW LAKE</t>
  </si>
  <si>
    <t>722680-23009-1995.gz</t>
  </si>
  <si>
    <t>PRESCRIBE BURN ASSIST (26)</t>
  </si>
  <si>
    <t>724096-99999-2002.gz</t>
  </si>
  <si>
    <t>FM 1696 AT CR 124</t>
  </si>
  <si>
    <t>747460-03904-2009.gz</t>
  </si>
  <si>
    <t>FY2000-FLOYD-075</t>
  </si>
  <si>
    <t xml:space="preserve">SHARON                   </t>
  </si>
  <si>
    <t>724016-93736-2011.gz</t>
  </si>
  <si>
    <t>727468-04928-2010.gz</t>
  </si>
  <si>
    <t>BUCKELY</t>
  </si>
  <si>
    <t>723068-99999-1995.gz</t>
  </si>
  <si>
    <t>BULL BEAR</t>
  </si>
  <si>
    <t>FY2015-WHITFIELD-001</t>
  </si>
  <si>
    <t>TACOMA BREAKS</t>
  </si>
  <si>
    <t xml:space="preserve">RISHWAIN                 </t>
  </si>
  <si>
    <t>LITTLE BEE</t>
  </si>
  <si>
    <t>720376-63880-2008.gz</t>
  </si>
  <si>
    <t>727834-99999-2003.gz</t>
  </si>
  <si>
    <t>SAM POWELL DAIRY RD FIRE</t>
  </si>
  <si>
    <t>FY2012-JONES-012</t>
  </si>
  <si>
    <t xml:space="preserve">RUSTY                    </t>
  </si>
  <si>
    <t>RIVER VIEW</t>
  </si>
  <si>
    <t>722104-92806-2000.gz</t>
  </si>
  <si>
    <t xml:space="preserve">CAJALCO RD / GAVILAN RD  </t>
  </si>
  <si>
    <t>723700-99999-1994.gz</t>
  </si>
  <si>
    <t>WAGONTIRE</t>
  </si>
  <si>
    <t>45 days 00:00:00.000000000</t>
  </si>
  <si>
    <t>HENDERSON - 100</t>
  </si>
  <si>
    <t>LIVINGSTON - 16</t>
  </si>
  <si>
    <t xml:space="preserve">OCF #54                  </t>
  </si>
  <si>
    <t>723100-13883-2010.gz</t>
  </si>
  <si>
    <t>726875-94107-2004.gz</t>
  </si>
  <si>
    <t>FY2001-LIBERTY-078</t>
  </si>
  <si>
    <t>HWY 132</t>
  </si>
  <si>
    <t>FLAT IRON</t>
  </si>
  <si>
    <t>725786-24151-2014.gz</t>
  </si>
  <si>
    <t>WRONG ROAD</t>
  </si>
  <si>
    <t>FY2015-SEMINOLE-003</t>
  </si>
  <si>
    <t>COPPER MTN</t>
  </si>
  <si>
    <t>726665-24062-2007.gz</t>
  </si>
  <si>
    <t>FILIPEC</t>
  </si>
  <si>
    <t>726540-14936-2000.gz</t>
  </si>
  <si>
    <t>HUMMINGBIRD DRIVE</t>
  </si>
  <si>
    <t>JONES ROAD</t>
  </si>
  <si>
    <t>FY2001-SCREVEN-058</t>
  </si>
  <si>
    <t>"""2 INCH RAIN FIRE"""</t>
  </si>
  <si>
    <t>723143-99999-1999.gz</t>
  </si>
  <si>
    <t>SWIMMING HOLE WELLS FIRE</t>
  </si>
  <si>
    <t>723663-99999-1994.gz</t>
  </si>
  <si>
    <t>FY2011-THOMAS-083</t>
  </si>
  <si>
    <t>YAMPAI</t>
  </si>
  <si>
    <t>723700-93167-2000.gz</t>
  </si>
  <si>
    <t>ALBERS</t>
  </si>
  <si>
    <t>DALTON HOLLOW</t>
  </si>
  <si>
    <t>CAMPFIRE</t>
  </si>
  <si>
    <t>STAT # 1</t>
  </si>
  <si>
    <t>723489-03935-1995.gz</t>
  </si>
  <si>
    <t>DOWNS RD (20-7)</t>
  </si>
  <si>
    <t>SE131</t>
  </si>
  <si>
    <t>SHANE RIDGE</t>
  </si>
  <si>
    <t>DEAD CAT</t>
  </si>
  <si>
    <t>STAIR RIDGE</t>
  </si>
  <si>
    <t>724700-99999-1996.gz</t>
  </si>
  <si>
    <t xml:space="preserve">MONASTERY                </t>
  </si>
  <si>
    <t>725848-99999-1995.gz</t>
  </si>
  <si>
    <t>726077-99999-2004.gz</t>
  </si>
  <si>
    <t>SMITHVILLE</t>
  </si>
  <si>
    <t>TABLE ROCK</t>
  </si>
  <si>
    <t>720734-00264-2015.gz</t>
  </si>
  <si>
    <t>HAWK MOUNTAIN</t>
  </si>
  <si>
    <t>722109-00355-2014.gz</t>
  </si>
  <si>
    <t>101 RANCH FIRE</t>
  </si>
  <si>
    <t>ANAYA 1</t>
  </si>
  <si>
    <t>COUNTYLINE</t>
  </si>
  <si>
    <t>723647-03034-2007.gz</t>
  </si>
  <si>
    <t>998223-99999-2013.gz</t>
  </si>
  <si>
    <t>722160-13869-2008.gz</t>
  </si>
  <si>
    <t>PARKE PEAK</t>
  </si>
  <si>
    <t>102 days 00:00:00.000000000</t>
  </si>
  <si>
    <t>SPREAD PARK</t>
  </si>
  <si>
    <t>FY2015-BERRIEN-029</t>
  </si>
  <si>
    <t>720712-00250-2015.gz</t>
  </si>
  <si>
    <t>RIVER FIRE</t>
  </si>
  <si>
    <t>MARTINEZ</t>
  </si>
  <si>
    <t>722880-23152-2012.gz</t>
  </si>
  <si>
    <t>WILD LAND FIRE</t>
  </si>
  <si>
    <t>FY2000-WILCOX-060</t>
  </si>
  <si>
    <t>722014-12818-2008.gz</t>
  </si>
  <si>
    <t>CONLEY FORK</t>
  </si>
  <si>
    <t>PICACHO#4</t>
  </si>
  <si>
    <t>LIVINGSTON - 97</t>
  </si>
  <si>
    <t>SILVER STAR</t>
  </si>
  <si>
    <t>MS0    0909-1480224005</t>
  </si>
  <si>
    <t>RAILROAD ROAD</t>
  </si>
  <si>
    <t>746936-03712-2010.gz</t>
  </si>
  <si>
    <t>E.R. DANIELS</t>
  </si>
  <si>
    <t>ENEMY 1</t>
  </si>
  <si>
    <t>BILOXI FIRE</t>
  </si>
  <si>
    <t>725510-14939-2011.gz</t>
  </si>
  <si>
    <t>ZIMMER</t>
  </si>
  <si>
    <t>744104-99999-2003.gz</t>
  </si>
  <si>
    <t xml:space="preserve">SMITH                    </t>
  </si>
  <si>
    <t>GABE'S</t>
  </si>
  <si>
    <t>120TH STREET (38)</t>
  </si>
  <si>
    <t>TALLENT</t>
  </si>
  <si>
    <t>LINDEN - 119</t>
  </si>
  <si>
    <t>725245-99999-2000.gz</t>
  </si>
  <si>
    <t>FY2013-TELFAIR-026</t>
  </si>
  <si>
    <t>MANDAREE</t>
  </si>
  <si>
    <t>NORTHRIDGE PLANTATION</t>
  </si>
  <si>
    <t>NICE PLACE TO HAVE ONE</t>
  </si>
  <si>
    <t>3064 CR 316</t>
  </si>
  <si>
    <t>NEWALD TOWER</t>
  </si>
  <si>
    <t>727437-94893-2009.gz</t>
  </si>
  <si>
    <t>NORTH RABBIT</t>
  </si>
  <si>
    <t>726904-24231-2013.gz</t>
  </si>
  <si>
    <t>723114-03715-2010.gz</t>
  </si>
  <si>
    <t>SKYBROOK</t>
  </si>
  <si>
    <t>722132-63801-2012.gz</t>
  </si>
  <si>
    <t>STATELINE</t>
  </si>
  <si>
    <t xml:space="preserve">PRADO 3                  </t>
  </si>
  <si>
    <t>020 IUA 7</t>
  </si>
  <si>
    <t>96-71</t>
  </si>
  <si>
    <t>COBURN FIRE</t>
  </si>
  <si>
    <t>FY2013-TAYLOR-030</t>
  </si>
  <si>
    <t>MS0    0808-3310211015</t>
  </si>
  <si>
    <t>726166-54781-2014.gz</t>
  </si>
  <si>
    <t>HILLTOP</t>
  </si>
  <si>
    <t>CR 4515</t>
  </si>
  <si>
    <t>N OIL CNYN</t>
  </si>
  <si>
    <t>726654-99999-2000.gz</t>
  </si>
  <si>
    <t>ALAFIA (29)</t>
  </si>
  <si>
    <t>SINGED FIRE</t>
  </si>
  <si>
    <t>727453-94967-2007.gz</t>
  </si>
  <si>
    <t xml:space="preserve">ORCHARD                  </t>
  </si>
  <si>
    <t>TAMARACK CANYON</t>
  </si>
  <si>
    <t>MS0    0808-2400325002</t>
  </si>
  <si>
    <t>727514-54910-2008.gz</t>
  </si>
  <si>
    <t>FRASS</t>
  </si>
  <si>
    <t>720315-03045-2011.gz</t>
  </si>
  <si>
    <t>ENTERPRISE OSTEEN RD (64)</t>
  </si>
  <si>
    <t>722057-12854-2014.gz</t>
  </si>
  <si>
    <t>LOYD RD</t>
  </si>
  <si>
    <t>THERAPY</t>
  </si>
  <si>
    <t>HECTER</t>
  </si>
  <si>
    <t>702715-99999-1999.gz</t>
  </si>
  <si>
    <t>RL077</t>
  </si>
  <si>
    <t>PRITCHETT CONTROL BURN</t>
  </si>
  <si>
    <t>722747-93084-2015.gz</t>
  </si>
  <si>
    <t>275 ALTA VISTA</t>
  </si>
  <si>
    <t>722530-12921-2008.gz</t>
  </si>
  <si>
    <t>724240-99999-2004.gz</t>
  </si>
  <si>
    <t>FY2002-WILKINSON-042</t>
  </si>
  <si>
    <t>MS0    1111-5430601006</t>
  </si>
  <si>
    <t>725157-99999-2005.gz</t>
  </si>
  <si>
    <t>DELLVIEW</t>
  </si>
  <si>
    <t>DISASTER</t>
  </si>
  <si>
    <t>994640-99999-2002.gz</t>
  </si>
  <si>
    <t>WALLACE FIRE</t>
  </si>
  <si>
    <t xml:space="preserve">INDIAN IC                </t>
  </si>
  <si>
    <t>720165-99999-2009.gz</t>
  </si>
  <si>
    <t>CUSTER RD (17)</t>
  </si>
  <si>
    <t>722225-03855-2013.gz</t>
  </si>
  <si>
    <t>726650-99999-2003.gz</t>
  </si>
  <si>
    <t>TROUBLE ROAD</t>
  </si>
  <si>
    <t>726824-04112-2008.gz</t>
  </si>
  <si>
    <t xml:space="preserve">SULTANA                  </t>
  </si>
  <si>
    <t>722127-04880-2012.gz</t>
  </si>
  <si>
    <t>STORAGE FIRE</t>
  </si>
  <si>
    <t>723146-99999-2000.gz</t>
  </si>
  <si>
    <t>723347-03809-2008.gz</t>
  </si>
  <si>
    <t>LISBOA</t>
  </si>
  <si>
    <t>FREDONIA DR. FIRE</t>
  </si>
  <si>
    <t>SUN DOWN</t>
  </si>
  <si>
    <t>COUNTRY PLACE</t>
  </si>
  <si>
    <t>MERRITT</t>
  </si>
  <si>
    <t>CHERRY HEIGHTS 2</t>
  </si>
  <si>
    <t>COCKERELLS FORK #2</t>
  </si>
  <si>
    <t>911620-22501-2005.gz</t>
  </si>
  <si>
    <t>0288 SHOOFLY</t>
  </si>
  <si>
    <t xml:space="preserve">CYPRESS                  </t>
  </si>
  <si>
    <t>724815-99999-1998.gz</t>
  </si>
  <si>
    <t>ALPINE RD</t>
  </si>
  <si>
    <t>724088-13707-1999.gz</t>
  </si>
  <si>
    <t>BROWN'S PARK</t>
  </si>
  <si>
    <t>725700-99999-1997.gz</t>
  </si>
  <si>
    <t>HENDERSON-631</t>
  </si>
  <si>
    <t>723200-93801-2007.gz</t>
  </si>
  <si>
    <t>TOUCH ME NOT</t>
  </si>
  <si>
    <t>MITCHELL LAKES</t>
  </si>
  <si>
    <t>724625-99999-1994.gz</t>
  </si>
  <si>
    <t>NORTH RANGE</t>
  </si>
  <si>
    <t>#538</t>
  </si>
  <si>
    <t>727477-04970-2007.gz</t>
  </si>
  <si>
    <t>725776-99999-2000.gz</t>
  </si>
  <si>
    <t>AVE 54  / GRAPEFRUIT BL</t>
  </si>
  <si>
    <t>MONK</t>
  </si>
  <si>
    <t>SANSON</t>
  </si>
  <si>
    <t>CR 2715@FM 100</t>
  </si>
  <si>
    <t>FY2015-MITCHELL-020</t>
  </si>
  <si>
    <t>722160-13869-2015.gz</t>
  </si>
  <si>
    <t>ROBLAR</t>
  </si>
  <si>
    <t>WET</t>
  </si>
  <si>
    <t>720387-99999-2011.gz</t>
  </si>
  <si>
    <t xml:space="preserve">580 RR TRACKS            </t>
  </si>
  <si>
    <t>724927-23285-2005.gz</t>
  </si>
  <si>
    <t>KELLY</t>
  </si>
  <si>
    <t>CHILILI</t>
  </si>
  <si>
    <t>PINNACLE CREEK</t>
  </si>
  <si>
    <t>THURMAN RD - 455 GRASSFIRE</t>
  </si>
  <si>
    <t xml:space="preserve">OLD CREEK                </t>
  </si>
  <si>
    <t>722897-99999-2001.gz</t>
  </si>
  <si>
    <t xml:space="preserve">MAR 1016                 </t>
  </si>
  <si>
    <t>723200-93801-1991.gz</t>
  </si>
  <si>
    <t>BACHELOR</t>
  </si>
  <si>
    <t>JOBCORP</t>
  </si>
  <si>
    <t>MITCHELL RUN</t>
  </si>
  <si>
    <t>FY2002-GLASCOCK-001</t>
  </si>
  <si>
    <t>CHARTER SCHOOL</t>
  </si>
  <si>
    <t>FIELD FIRE</t>
  </si>
  <si>
    <t>BURKE</t>
  </si>
  <si>
    <t>121 days 00:00:00.000000000</t>
  </si>
  <si>
    <t>GAS PLANT-WATTS</t>
  </si>
  <si>
    <t>SARGENTS 2</t>
  </si>
  <si>
    <t>TOQUERVILLE</t>
  </si>
  <si>
    <t>SNOW</t>
  </si>
  <si>
    <t xml:space="preserve">MEADOWS                  </t>
  </si>
  <si>
    <t>746925-99999-2003.gz</t>
  </si>
  <si>
    <t>725488-04955-2014.gz</t>
  </si>
  <si>
    <t>OAK RIDGE FIRE</t>
  </si>
  <si>
    <t>722764-03029-2009.gz</t>
  </si>
  <si>
    <t>DOFBEAR</t>
  </si>
  <si>
    <t>998264-99999-2013.gz</t>
  </si>
  <si>
    <t>MONDAK</t>
  </si>
  <si>
    <t>727687-94028-2007.gz</t>
  </si>
  <si>
    <t>PRETTY BRANCH</t>
  </si>
  <si>
    <t xml:space="preserve">RODRIQUEZ                </t>
  </si>
  <si>
    <t>723890-93193-1997.gz</t>
  </si>
  <si>
    <t>724090-14780-2000.gz</t>
  </si>
  <si>
    <t>DEVILS PILE</t>
  </si>
  <si>
    <t>KLOSTERMAN</t>
  </si>
  <si>
    <t>LEACH</t>
  </si>
  <si>
    <t>726987-99999-1992.gz</t>
  </si>
  <si>
    <t>PACHECO</t>
  </si>
  <si>
    <t>725180-14735-1999.gz</t>
  </si>
  <si>
    <t>FREDONYER</t>
  </si>
  <si>
    <t>725958-99999-1992.gz</t>
  </si>
  <si>
    <t>723116-03742-2014.gz</t>
  </si>
  <si>
    <t>722516-12928-2006.gz</t>
  </si>
  <si>
    <t>726380-94814-2010.gz</t>
  </si>
  <si>
    <t xml:space="preserve">OLIVE#1 2                </t>
  </si>
  <si>
    <t>CORDER HOLLOW RD</t>
  </si>
  <si>
    <t>237THAVE</t>
  </si>
  <si>
    <t>FY2002-BROOKS-051</t>
  </si>
  <si>
    <t>DITCH BANK FIRE</t>
  </si>
  <si>
    <t>LINDEN - 125</t>
  </si>
  <si>
    <t>OVER KILL</t>
  </si>
  <si>
    <t>BAG</t>
  </si>
  <si>
    <t>725846-99999-2004.gz</t>
  </si>
  <si>
    <t>725038-14714-2005.gz</t>
  </si>
  <si>
    <t>KELTERSON</t>
  </si>
  <si>
    <t>PORTOCARRDO FIRE</t>
  </si>
  <si>
    <t>720401-99999-2008.gz</t>
  </si>
  <si>
    <t xml:space="preserve">OAK                      </t>
  </si>
  <si>
    <t>51 days 00:00:00.000000000</t>
  </si>
  <si>
    <t>WAKE</t>
  </si>
  <si>
    <t>723700-93167-2009.gz</t>
  </si>
  <si>
    <t>722269-03850-2010.gz</t>
  </si>
  <si>
    <t>727855-24114-2005.gz</t>
  </si>
  <si>
    <t>108TH TER.(38)</t>
  </si>
  <si>
    <t>LOG SPRINGS</t>
  </si>
  <si>
    <t>I'M STUPID</t>
  </si>
  <si>
    <t xml:space="preserve">MENDOTA                  </t>
  </si>
  <si>
    <t>726465-99999-1992.gz</t>
  </si>
  <si>
    <t>722576-03902-2008.gz</t>
  </si>
  <si>
    <t>722895-23243-2010.gz</t>
  </si>
  <si>
    <t>LITTLE MOUNTAIN</t>
  </si>
  <si>
    <t>MS0    1111-4460213004</t>
  </si>
  <si>
    <t>MS0    0808-5390211015</t>
  </si>
  <si>
    <t>FY2012-WILKES-014</t>
  </si>
  <si>
    <t>FY2011-COFFEE-047</t>
  </si>
  <si>
    <t xml:space="preserve">STATE #1440              </t>
  </si>
  <si>
    <t>FORTNER ROAD FIRE</t>
  </si>
  <si>
    <t>261 days 00:00:00.000000000</t>
  </si>
  <si>
    <t>STONEY</t>
  </si>
  <si>
    <t>HOPPER</t>
  </si>
  <si>
    <t>723926-99999-1997.gz</t>
  </si>
  <si>
    <t>BEHIND THE LAKES FIRE</t>
  </si>
  <si>
    <t>GUICK</t>
  </si>
  <si>
    <t>FY2001-WHEELER-002</t>
  </si>
  <si>
    <t>BROOK</t>
  </si>
  <si>
    <t>FY2002-SCREVEN-072</t>
  </si>
  <si>
    <t>455TH AVE &amp; 164TH ST</t>
  </si>
  <si>
    <t>727515-04982-2012.gz</t>
  </si>
  <si>
    <t>10441 HIDALGO FALLS</t>
  </si>
  <si>
    <t>NWR-20121025-003</t>
  </si>
  <si>
    <t>FY2011-WAYNE-060</t>
  </si>
  <si>
    <t>JV RANCH</t>
  </si>
  <si>
    <t>722140-93805-2007.gz</t>
  </si>
  <si>
    <t>201 CAR</t>
  </si>
  <si>
    <t>I ALMOST HAD IT</t>
  </si>
  <si>
    <t>114 CR 3150</t>
  </si>
  <si>
    <t>HOG BACK</t>
  </si>
  <si>
    <t>BIG BEAVER</t>
  </si>
  <si>
    <t>294000 PETER MORRIS, AL</t>
  </si>
  <si>
    <t>BAR-Z RIDGE</t>
  </si>
  <si>
    <t>727795-99999-1999.gz</t>
  </si>
  <si>
    <t>SHADOW LAWN 2 (10)</t>
  </si>
  <si>
    <t>OBC</t>
  </si>
  <si>
    <t>726487-94896-2010.gz</t>
  </si>
  <si>
    <t>SNELL 2</t>
  </si>
  <si>
    <t>722683-93083-2011.gz</t>
  </si>
  <si>
    <t xml:space="preserve">LIBERTY                  </t>
  </si>
  <si>
    <t>722357-03961-2014.gz</t>
  </si>
  <si>
    <t>720605-00197-2014.gz</t>
  </si>
  <si>
    <t>ARSON1J.NO</t>
  </si>
  <si>
    <t>FY2000-JONES-085</t>
  </si>
  <si>
    <t>129444-07144-10132015-0521</t>
  </si>
  <si>
    <t>724453-03994-2015.gz</t>
  </si>
  <si>
    <t>4 BIG RUTS</t>
  </si>
  <si>
    <t>723140-13881-2014.gz</t>
  </si>
  <si>
    <t>LONG PINE</t>
  </si>
  <si>
    <t>723090-13754-1995.gz</t>
  </si>
  <si>
    <t>MS0    1010-5321003001</t>
  </si>
  <si>
    <t xml:space="preserve">ROSA 3                   </t>
  </si>
  <si>
    <t xml:space="preserve">MURDOCK                  </t>
  </si>
  <si>
    <t>BURK MUTUALAID</t>
  </si>
  <si>
    <t>OLD WRIGHTSBORO ROAD FIRE</t>
  </si>
  <si>
    <t xml:space="preserve">GARIBAY                  </t>
  </si>
  <si>
    <t>GLADDING</t>
  </si>
  <si>
    <t>720614-00205-2014.gz</t>
  </si>
  <si>
    <t>723656-23049-2006.gz</t>
  </si>
  <si>
    <t>WEEKS</t>
  </si>
  <si>
    <t xml:space="preserve">SCARBOROUGH              </t>
  </si>
  <si>
    <t>GRASSFIRE MUTUAL MEXIA</t>
  </si>
  <si>
    <t>SE58</t>
  </si>
  <si>
    <t>NOGALES</t>
  </si>
  <si>
    <t>722508-12957-2008.gz</t>
  </si>
  <si>
    <t>MILE HIGH</t>
  </si>
  <si>
    <t>LOUIS LAKE</t>
  </si>
  <si>
    <t>702220-99999-2004.gz</t>
  </si>
  <si>
    <t>COUNTY ROAD 235 FIRE</t>
  </si>
  <si>
    <t>722145-04884-2010.gz</t>
  </si>
  <si>
    <t>TRAILER BLOWOUT</t>
  </si>
  <si>
    <t>UNION GROVE CHRUCH FIRE</t>
  </si>
  <si>
    <t>723177-63807-2010.gz</t>
  </si>
  <si>
    <t xml:space="preserve">CRAM                     </t>
  </si>
  <si>
    <t xml:space="preserve">LORINA                   </t>
  </si>
  <si>
    <t>MYRTLE</t>
  </si>
  <si>
    <t>OGEMAW 02 - BREWER FIRE</t>
  </si>
  <si>
    <t>ED</t>
  </si>
  <si>
    <t>723300-03975-2014.gz</t>
  </si>
  <si>
    <t>720257-63835-2008.gz</t>
  </si>
  <si>
    <t>NOKOMIS ROAD (17)</t>
  </si>
  <si>
    <t>28668 HWY 17 N., AL</t>
  </si>
  <si>
    <t>720413-00138-2011.gz</t>
  </si>
  <si>
    <t>QUARRY</t>
  </si>
  <si>
    <t>GUMBO</t>
  </si>
  <si>
    <t>724645-23070-1992.gz</t>
  </si>
  <si>
    <t>725515-94947-2008.gz</t>
  </si>
  <si>
    <t>CARL</t>
  </si>
  <si>
    <t>723484-53901-2012.gz</t>
  </si>
  <si>
    <t>FM 1209</t>
  </si>
  <si>
    <t>SHEENJEK</t>
  </si>
  <si>
    <t>701945-99999-2003.gz</t>
  </si>
  <si>
    <t>END</t>
  </si>
  <si>
    <t>722747-93084-2014.gz</t>
  </si>
  <si>
    <t>PLANK ROAD SCHOOL</t>
  </si>
  <si>
    <t>STEVENS ROAD</t>
  </si>
  <si>
    <t>725970-24225-1997.gz</t>
  </si>
  <si>
    <t>723520-13902-2006.gz</t>
  </si>
  <si>
    <t>BOAT</t>
  </si>
  <si>
    <t>724243-03849-1996.gz</t>
  </si>
  <si>
    <t>725479-04937-2013.gz</t>
  </si>
  <si>
    <t>09-453</t>
  </si>
  <si>
    <t>LN-00-645</t>
  </si>
  <si>
    <t>726510-14944-2000.gz</t>
  </si>
  <si>
    <t>RUTH FIRE</t>
  </si>
  <si>
    <t>GRACIE RD / BANNER MOUNTA</t>
  </si>
  <si>
    <t>NATOUT2</t>
  </si>
  <si>
    <t>722420-12923-1993.gz</t>
  </si>
  <si>
    <t>WA ZHA ZHI</t>
  </si>
  <si>
    <t>723565-03959-2009.gz</t>
  </si>
  <si>
    <t xml:space="preserve">CONCHO &amp; MENARD CO. LINE </t>
  </si>
  <si>
    <t>12-0006180 SPRING HILL FIRE</t>
  </si>
  <si>
    <t>747460-03904-2012.gz</t>
  </si>
  <si>
    <t>LAKE TUT RD FIRE</t>
  </si>
  <si>
    <t>WINAWAY LANE</t>
  </si>
  <si>
    <t>727810-24243-2009.gz</t>
  </si>
  <si>
    <t>070613A</t>
  </si>
  <si>
    <t>L RANGER</t>
  </si>
  <si>
    <t>UNNAMED FIRE 0100</t>
  </si>
  <si>
    <t>FY2013-LAURENS-068</t>
  </si>
  <si>
    <t>BONEYARD</t>
  </si>
  <si>
    <t>749483-00394-2013.gz</t>
  </si>
  <si>
    <t>726764-99999-1994.gz</t>
  </si>
  <si>
    <t>BLOCKER FIRE</t>
  </si>
  <si>
    <t>DALES</t>
  </si>
  <si>
    <t>GIST 1</t>
  </si>
  <si>
    <t>PARK (36)</t>
  </si>
  <si>
    <t>FY2014-FLOYD-018</t>
  </si>
  <si>
    <t>723200-93801-2013.gz</t>
  </si>
  <si>
    <t>FY2000-MILLER-080</t>
  </si>
  <si>
    <t>RUNAWAY</t>
  </si>
  <si>
    <t>FY2002-EFFINGHAM-072</t>
  </si>
  <si>
    <t>723444-99999-2000.gz</t>
  </si>
  <si>
    <t>1485 CHAMPION</t>
  </si>
  <si>
    <t>724833-23206-2010.gz</t>
  </si>
  <si>
    <t>CAMPO</t>
  </si>
  <si>
    <t>637U</t>
  </si>
  <si>
    <t>HUTLER ROAD</t>
  </si>
  <si>
    <t>703410-25507-2014.gz</t>
  </si>
  <si>
    <t>725454-04903-2006.gz</t>
  </si>
  <si>
    <t>DINK RIDGE</t>
  </si>
  <si>
    <t>FY2011-HARALSON-090</t>
  </si>
  <si>
    <t>PAULS CREEK</t>
  </si>
  <si>
    <t>703260-25503-2015.gz</t>
  </si>
  <si>
    <t>RT 23</t>
  </si>
  <si>
    <t>CREEK</t>
  </si>
  <si>
    <t>LITTLE BLUE CREEK</t>
  </si>
  <si>
    <t>724836-23208-2013.gz</t>
  </si>
  <si>
    <t>JAMES CREEK</t>
  </si>
  <si>
    <t>LINDEN - 7</t>
  </si>
  <si>
    <t>R144</t>
  </si>
  <si>
    <t>FY2001-LUMPKIN-087</t>
  </si>
  <si>
    <t>BROTHER</t>
  </si>
  <si>
    <t>724604-99999-2005.gz</t>
  </si>
  <si>
    <t xml:space="preserve">HY 177  / OASIS RD       </t>
  </si>
  <si>
    <t>747188-23158-2010.gz</t>
  </si>
  <si>
    <t>MIDWAY NURSERY</t>
  </si>
  <si>
    <t>SOGGY DITCHES</t>
  </si>
  <si>
    <t>724519-93967-2010.gz</t>
  </si>
  <si>
    <t>DICKEN</t>
  </si>
  <si>
    <t>CORN1</t>
  </si>
  <si>
    <t>724926-23258-2012.gz</t>
  </si>
  <si>
    <t>FORBES ROAD</t>
  </si>
  <si>
    <t>TIMBER BASIN</t>
  </si>
  <si>
    <t>09-006</t>
  </si>
  <si>
    <t>SAGUARO</t>
  </si>
  <si>
    <t>SPURGER</t>
  </si>
  <si>
    <t>FY2002-RICHMOND-015</t>
  </si>
  <si>
    <t>723177-99999-2002.gz</t>
  </si>
  <si>
    <t>UNION T</t>
  </si>
  <si>
    <t>011-027</t>
  </si>
  <si>
    <t>727555-94956-2015.gz</t>
  </si>
  <si>
    <t>722097-04936-2015.gz</t>
  </si>
  <si>
    <t>725487-04950-2014.gz</t>
  </si>
  <si>
    <t>BLK.SPOT.H</t>
  </si>
  <si>
    <t>726427-99999-2001.gz</t>
  </si>
  <si>
    <t>LITTLE LK BRYANT 15</t>
  </si>
  <si>
    <t>BURNWATER1</t>
  </si>
  <si>
    <t>722764-99999-2003.gz</t>
  </si>
  <si>
    <t>FROHRIECH FIRE</t>
  </si>
  <si>
    <t>BROWNE</t>
  </si>
  <si>
    <t>SHORTY GULCH</t>
  </si>
  <si>
    <t>FY2014-BURKE-054</t>
  </si>
  <si>
    <t>NER-20130320-009</t>
  </si>
  <si>
    <t>BULLIS</t>
  </si>
  <si>
    <t xml:space="preserve">HURON CITY #57           </t>
  </si>
  <si>
    <t>TRASK LAKE</t>
  </si>
  <si>
    <t>727925-94227-2014.gz</t>
  </si>
  <si>
    <t>CALIENTE</t>
  </si>
  <si>
    <t>722897-99999-1997.gz</t>
  </si>
  <si>
    <t>726165-94721-2014.gz</t>
  </si>
  <si>
    <t>CR 4904 @ CR 4802</t>
  </si>
  <si>
    <t>722588-13926-2009.gz</t>
  </si>
  <si>
    <t>ROADSIDE</t>
  </si>
  <si>
    <t>MS1715</t>
  </si>
  <si>
    <t>FM 429 AT CR 104</t>
  </si>
  <si>
    <t>DANIEL BOONE</t>
  </si>
  <si>
    <t>724125-03859-2003.gz</t>
  </si>
  <si>
    <t>FY2003-LOWNDES-014</t>
  </si>
  <si>
    <t>PASTURE FIRE, 3 SOUTH</t>
  </si>
  <si>
    <t>ST. THOMAS ROAD FIRE</t>
  </si>
  <si>
    <t>PATTERSON RD.</t>
  </si>
  <si>
    <t>724945-23293-2011.gz</t>
  </si>
  <si>
    <t>2011-84</t>
  </si>
  <si>
    <t xml:space="preserve">HORSE                    </t>
  </si>
  <si>
    <t>WILLIAMS HILL HAY FIRE</t>
  </si>
  <si>
    <t>29W/MSEAQUIST</t>
  </si>
  <si>
    <t xml:space="preserve">STATE OF CA. #440        </t>
  </si>
  <si>
    <t>LAKE ARDOC</t>
  </si>
  <si>
    <t>727575-94925-1993.gz</t>
  </si>
  <si>
    <t>KENNETH FIENEN</t>
  </si>
  <si>
    <t xml:space="preserve">BERGEN                   </t>
  </si>
  <si>
    <t>723896-99999-2001.gz</t>
  </si>
  <si>
    <t>724240-13807-1999.gz</t>
  </si>
  <si>
    <t>723429-53920-2009.gz</t>
  </si>
  <si>
    <t>726519-94993-2007.gz</t>
  </si>
  <si>
    <t>WEST HOLLOW</t>
  </si>
  <si>
    <t>727478-99999-1995.gz</t>
  </si>
  <si>
    <t>YOSEMITE SPRINGS PKWY  26</t>
  </si>
  <si>
    <t>OR-MAF-12269</t>
  </si>
  <si>
    <t>ALLENS CREEK</t>
  </si>
  <si>
    <t>724375-99999-2004.gz</t>
  </si>
  <si>
    <t>720971-00342-2013.gz</t>
  </si>
  <si>
    <t>FY2002-HARRIS-016</t>
  </si>
  <si>
    <t>FY2001-BRANTLEY-004</t>
  </si>
  <si>
    <t>PLUNGE</t>
  </si>
  <si>
    <t>BLUE TRAILER FIRE</t>
  </si>
  <si>
    <t>BELLRIDGE</t>
  </si>
  <si>
    <t>FENS</t>
  </si>
  <si>
    <t>726530-94943-2012.gz</t>
  </si>
  <si>
    <t>SAWDUST</t>
  </si>
  <si>
    <t>722197-53819-2008.gz</t>
  </si>
  <si>
    <t>723069-99999-1995.gz</t>
  </si>
  <si>
    <t>FIRE - CR 274</t>
  </si>
  <si>
    <t>FY2002-BUTTS-014</t>
  </si>
  <si>
    <t>MDF DGBSFMU16 POWER2</t>
  </si>
  <si>
    <t>725895-94236-2009.gz</t>
  </si>
  <si>
    <t>BIG MUDDY</t>
  </si>
  <si>
    <t>724336-99999-2005.gz</t>
  </si>
  <si>
    <t>723115-53854-2010.gz</t>
  </si>
  <si>
    <t>HAVBURG ROAD (17)</t>
  </si>
  <si>
    <t>OLD COVERED BRIDGE</t>
  </si>
  <si>
    <t>CHARLES ST /S HARGRAVE  2</t>
  </si>
  <si>
    <t>CO RD 2228, AL</t>
  </si>
  <si>
    <t>WOODSON CHAPEL</t>
  </si>
  <si>
    <t>32/BLOUNT RD-0274</t>
  </si>
  <si>
    <t xml:space="preserve">SINGLETON 5              </t>
  </si>
  <si>
    <t>NER-20121121-001</t>
  </si>
  <si>
    <t>727790-24146-2010.gz</t>
  </si>
  <si>
    <t>OLDBALDY</t>
  </si>
  <si>
    <t>723160-13870-2009.gz</t>
  </si>
  <si>
    <t>HWY 399 1</t>
  </si>
  <si>
    <t>HAYBALES</t>
  </si>
  <si>
    <t>727680-94008-2006.gz</t>
  </si>
  <si>
    <t>FY2002-GREENE-018</t>
  </si>
  <si>
    <t>LAGOON</t>
  </si>
  <si>
    <t>726667-24048-2012.gz</t>
  </si>
  <si>
    <t>722073-03727-2006.gz</t>
  </si>
  <si>
    <t>HURTADO</t>
  </si>
  <si>
    <t>722677-03027-2007.gz</t>
  </si>
  <si>
    <t>725086-99999-1995.gz</t>
  </si>
  <si>
    <t>N HWY 78/ CR 614</t>
  </si>
  <si>
    <t>LGT 35</t>
  </si>
  <si>
    <t xml:space="preserve">STATE OF CA. 28          </t>
  </si>
  <si>
    <t>BUFFALO CR</t>
  </si>
  <si>
    <t>BARE</t>
  </si>
  <si>
    <t>722890-93136-1995.gz</t>
  </si>
  <si>
    <t>725865-99999-1999.gz</t>
  </si>
  <si>
    <t>HUTCH #5</t>
  </si>
  <si>
    <t>GRASS FIRE 15-045</t>
  </si>
  <si>
    <t xml:space="preserve">DEL MESA                 </t>
  </si>
  <si>
    <t>724915-23245-1997.gz</t>
  </si>
  <si>
    <t>MS0    0808-4241102001</t>
  </si>
  <si>
    <t>FY2013-COWETA-028</t>
  </si>
  <si>
    <t>722197-53819-2013.gz</t>
  </si>
  <si>
    <t>091 MARKEE 2</t>
  </si>
  <si>
    <t>722390-03931-2011.gz</t>
  </si>
  <si>
    <t>HARDIN CREEK</t>
  </si>
  <si>
    <t>ASPARAGAS FIRE</t>
  </si>
  <si>
    <t>722216-99999-2009.gz</t>
  </si>
  <si>
    <t>MAY</t>
  </si>
  <si>
    <t>GERTIE</t>
  </si>
  <si>
    <t>BERNE TWP.</t>
  </si>
  <si>
    <t>FY2002-LAURENS-198</t>
  </si>
  <si>
    <t>MORGAN COVE</t>
  </si>
  <si>
    <t>KANE</t>
  </si>
  <si>
    <t>SPEAKTHUNDER</t>
  </si>
  <si>
    <t>727770-94012-2007.gz</t>
  </si>
  <si>
    <t>CATHEDRAL</t>
  </si>
  <si>
    <t>77 days 00:00:00.000000000</t>
  </si>
  <si>
    <t>723894-03181-2015.gz</t>
  </si>
  <si>
    <t>REAGAN'S WAY</t>
  </si>
  <si>
    <t>HACKMATACK PETERSON TRACT</t>
  </si>
  <si>
    <t>722059-04866-2014.gz</t>
  </si>
  <si>
    <t>726667-24048-2015.gz</t>
  </si>
  <si>
    <t>DOC BROWN RD</t>
  </si>
  <si>
    <t>BOMBAY II (34)</t>
  </si>
  <si>
    <t>722224-53862-2012.gz</t>
  </si>
  <si>
    <t>FARMER JOHN</t>
  </si>
  <si>
    <t>DUSTIN</t>
  </si>
  <si>
    <t>720351-54919-2012.gz</t>
  </si>
  <si>
    <t>727830-24149-2004.gz</t>
  </si>
  <si>
    <t>MS0    0808-5251221001</t>
  </si>
  <si>
    <t>723407-99999-1998.gz</t>
  </si>
  <si>
    <t xml:space="preserve">BOWLES                   </t>
  </si>
  <si>
    <t>727854-99999-2003.gz</t>
  </si>
  <si>
    <t>726550-14926-1996.gz</t>
  </si>
  <si>
    <t>BALD ROCK</t>
  </si>
  <si>
    <t>ALTO WATERWORKS</t>
  </si>
  <si>
    <t>724336-93810-2011.gz</t>
  </si>
  <si>
    <t>CORN CREEK</t>
  </si>
  <si>
    <t>724756-23159-2008.gz</t>
  </si>
  <si>
    <t>TROUT CR</t>
  </si>
  <si>
    <t xml:space="preserve">"ZIMMERMAN, F"           </t>
  </si>
  <si>
    <t>CR 3110 / HINK POST DAIRY</t>
  </si>
  <si>
    <t>CR 1112</t>
  </si>
  <si>
    <t>747910-13717-2012.gz</t>
  </si>
  <si>
    <t>722060-13889-2008.gz</t>
  </si>
  <si>
    <t>DSB (49)</t>
  </si>
  <si>
    <t>EVERGREEN</t>
  </si>
  <si>
    <t>MS0    0909-4230225008</t>
  </si>
  <si>
    <t>CAMEL HUMP</t>
  </si>
  <si>
    <t>725970-24225-2010.gz</t>
  </si>
  <si>
    <t>FY2002-HARALSON-049</t>
  </si>
  <si>
    <t>INKOPAH 3</t>
  </si>
  <si>
    <t>747186-03164-2012.gz</t>
  </si>
  <si>
    <t>PREMIER</t>
  </si>
  <si>
    <t>MORWAY</t>
  </si>
  <si>
    <t>MNI YUCCA</t>
  </si>
  <si>
    <t>CAMAS</t>
  </si>
  <si>
    <t>OPEN GATE</t>
  </si>
  <si>
    <t>FERGUSON</t>
  </si>
  <si>
    <t>720286-53977-2012.gz</t>
  </si>
  <si>
    <t>722093-04878-2007.gz</t>
  </si>
  <si>
    <t>FY2003-DADE-002</t>
  </si>
  <si>
    <t>940 RENDEZVOUS RD</t>
  </si>
  <si>
    <t>726720-24061-2009.gz</t>
  </si>
  <si>
    <t>722688-93034-1996.gz</t>
  </si>
  <si>
    <t>722666-93943-2012.gz</t>
  </si>
  <si>
    <t>725036-14757-1993.gz</t>
  </si>
  <si>
    <t>726436-99999-2004.gz</t>
  </si>
  <si>
    <t>CR 128, AL</t>
  </si>
  <si>
    <t>726558-99999-1994.gz</t>
  </si>
  <si>
    <t>FY2012-TOOMBS-038</t>
  </si>
  <si>
    <t>845 SLEEPY HOLLOW LOOP</t>
  </si>
  <si>
    <t>REDMOND RD</t>
  </si>
  <si>
    <t>723250-03847-2011.gz</t>
  </si>
  <si>
    <t>HARRIS</t>
  </si>
  <si>
    <t>746935-03709-2007.gz</t>
  </si>
  <si>
    <t>77 ROAD</t>
  </si>
  <si>
    <t>SUZANNE'S BIRTHDAY</t>
  </si>
  <si>
    <t>BEAR HOLLOW</t>
  </si>
  <si>
    <t>724250-03860-2014.gz</t>
  </si>
  <si>
    <t>OXENDINE 6 FIRE</t>
  </si>
  <si>
    <t>725235-99999-2002.gz</t>
  </si>
  <si>
    <t>LINDEN - 629</t>
  </si>
  <si>
    <t>722362-93937-2011.gz</t>
  </si>
  <si>
    <t>DARDEN FARMS FIRE</t>
  </si>
  <si>
    <t>FY2000-HARALSON-060</t>
  </si>
  <si>
    <t>PR 2539 FIRE</t>
  </si>
  <si>
    <t>725145-54746-2010.gz</t>
  </si>
  <si>
    <t>723407-03953-2006.gz</t>
  </si>
  <si>
    <t>723115-53854-2009.gz</t>
  </si>
  <si>
    <t>OLD BAKER RD.</t>
  </si>
  <si>
    <t>HOLLYWOOD</t>
  </si>
  <si>
    <t xml:space="preserve">HOLIDAY                  </t>
  </si>
  <si>
    <t>LINUS</t>
  </si>
  <si>
    <t>FY2013-PULASKI-049</t>
  </si>
  <si>
    <t xml:space="preserve">PIONEER IC               </t>
  </si>
  <si>
    <t>CORTEZ</t>
  </si>
  <si>
    <t>725835-24119-2002.gz</t>
  </si>
  <si>
    <t>WHISKEY SPRINGS</t>
  </si>
  <si>
    <t>FY2001-SPALDING-025</t>
  </si>
  <si>
    <t>WEAVER</t>
  </si>
  <si>
    <t>FY2012-BULLOCH-052</t>
  </si>
  <si>
    <t>EARS</t>
  </si>
  <si>
    <t>723656-23049-2011.gz</t>
  </si>
  <si>
    <t>TORCHED HONDA FIRE</t>
  </si>
  <si>
    <t>HAMBONE</t>
  </si>
  <si>
    <t>GILBERT CREEK RIGHT FORK</t>
  </si>
  <si>
    <t>SALLY BULL CREEK FIRE</t>
  </si>
  <si>
    <t>ROCKET</t>
  </si>
  <si>
    <t>CLAYJACK RD</t>
  </si>
  <si>
    <t>724250-03860-2011.gz</t>
  </si>
  <si>
    <t>FY2001-LAURENS-087</t>
  </si>
  <si>
    <t>TAD</t>
  </si>
  <si>
    <t>ALTA LAKE</t>
  </si>
  <si>
    <t>723444-99999-1996.gz</t>
  </si>
  <si>
    <t>ROCK LANDING</t>
  </si>
  <si>
    <t>724058-99999-2000.gz</t>
  </si>
  <si>
    <t xml:space="preserve">PAINE                    </t>
  </si>
  <si>
    <t>NEW HOLLAND</t>
  </si>
  <si>
    <t>DUCK II</t>
  </si>
  <si>
    <t>722749-53128-2011.gz</t>
  </si>
  <si>
    <t>DIRTY PETE</t>
  </si>
  <si>
    <t>DUPONT STREET (40)</t>
  </si>
  <si>
    <t>FY2011-MONROE-020</t>
  </si>
  <si>
    <t>BUCHANAN</t>
  </si>
  <si>
    <t>725342-13809-2008.gz</t>
  </si>
  <si>
    <t>US377S/SH29W/OLD JUNCTION RD</t>
  </si>
  <si>
    <t>702615-99999-1996.gz</t>
  </si>
  <si>
    <t>WHITES BRANCH</t>
  </si>
  <si>
    <t>ROGERS369</t>
  </si>
  <si>
    <t>723510-13966-2013.gz</t>
  </si>
  <si>
    <t>GFX ASSIST 9</t>
  </si>
  <si>
    <t>725717-03016-2006.gz</t>
  </si>
  <si>
    <t>PALM PILE</t>
  </si>
  <si>
    <t>NOR-20131120-002</t>
  </si>
  <si>
    <t>FY2002-CATOOSA-022</t>
  </si>
  <si>
    <t>HARDY RD FIRE</t>
  </si>
  <si>
    <t>26880 HOMESTEAD LN, AL</t>
  </si>
  <si>
    <t>MARIJILDA</t>
  </si>
  <si>
    <t>FM 367 AT 2384</t>
  </si>
  <si>
    <t>PIPELINE ROAD</t>
  </si>
  <si>
    <t>720276-12983-2015.gz</t>
  </si>
  <si>
    <t>ALPENA          0001</t>
  </si>
  <si>
    <t>997359-99999-2014.gz</t>
  </si>
  <si>
    <t>UNION PACIFIC RAILROAD</t>
  </si>
  <si>
    <t>BB BALE</t>
  </si>
  <si>
    <t>FY2000-EFFINGHAM-027</t>
  </si>
  <si>
    <t>ST.MARTIN'S #2</t>
  </si>
  <si>
    <t>NORTHEAST</t>
  </si>
  <si>
    <t>WOODLAND</t>
  </si>
  <si>
    <t>724220-93820-2000.gz</t>
  </si>
  <si>
    <t>723105-93833-1995.gz</t>
  </si>
  <si>
    <t>744104-14763-2013.gz</t>
  </si>
  <si>
    <t>CKERSTEIN2</t>
  </si>
  <si>
    <t>HWY 8 SOUTH</t>
  </si>
  <si>
    <t>SMITH CREEK</t>
  </si>
  <si>
    <t>723449-53954-2011.gz</t>
  </si>
  <si>
    <t>726467-54909-2007.gz</t>
  </si>
  <si>
    <t>FY2001-BUTTS-022</t>
  </si>
  <si>
    <t>ACEVEDO, J</t>
  </si>
  <si>
    <t>500K</t>
  </si>
  <si>
    <t>LAKE LURE INN FIRE</t>
  </si>
  <si>
    <t>723144-53890-2014.gz</t>
  </si>
  <si>
    <t>DARK</t>
  </si>
  <si>
    <t>722720-93063-2008.gz</t>
  </si>
  <si>
    <t>724117-99999-2004.gz</t>
  </si>
  <si>
    <t>722725-23078-2011.gz</t>
  </si>
  <si>
    <t>725805-24172-1996.gz</t>
  </si>
  <si>
    <t>723060-13722-1993.gz</t>
  </si>
  <si>
    <t>WOODVILLE - 2</t>
  </si>
  <si>
    <t>CR 317 GRASS</t>
  </si>
  <si>
    <t>PASTURE AND GRASS</t>
  </si>
  <si>
    <t>722216-99999-2010.gz</t>
  </si>
  <si>
    <t>725292-14976-2012.gz</t>
  </si>
  <si>
    <t>MESQ-003</t>
  </si>
  <si>
    <t xml:space="preserve">P.G.E.                   </t>
  </si>
  <si>
    <t>724836-23208-1995.gz</t>
  </si>
  <si>
    <t>720985-99999-2014.gz</t>
  </si>
  <si>
    <t>FISHER FIRE</t>
  </si>
  <si>
    <t>722362-93937-2007.gz</t>
  </si>
  <si>
    <t>HERSLY</t>
  </si>
  <si>
    <t>726184-99999-1994.gz</t>
  </si>
  <si>
    <t>SEQUOIA</t>
  </si>
  <si>
    <t>J&amp;M LANE</t>
  </si>
  <si>
    <t>HANA HOU</t>
  </si>
  <si>
    <t>WALKSALONG</t>
  </si>
  <si>
    <t>2013-18509</t>
  </si>
  <si>
    <t xml:space="preserve">ORANGEWOOD               </t>
  </si>
  <si>
    <t xml:space="preserve">RABE                     </t>
  </si>
  <si>
    <t>118936-07147-02242015-1516</t>
  </si>
  <si>
    <t>TRACK</t>
  </si>
  <si>
    <t>LA JOYA</t>
  </si>
  <si>
    <t>723620-93040-2009.gz</t>
  </si>
  <si>
    <t>FY2000-MORGAN-006</t>
  </si>
  <si>
    <t>EAST TURKEY FIRE</t>
  </si>
  <si>
    <t>ELK90015</t>
  </si>
  <si>
    <t>FIREBREAK FIRE</t>
  </si>
  <si>
    <t>727555-94956-2007.gz</t>
  </si>
  <si>
    <t>FY2013-PIKE-001</t>
  </si>
  <si>
    <t>13-749</t>
  </si>
  <si>
    <t>TRIBAL FISH</t>
  </si>
  <si>
    <t>WHITE ROCK LANE</t>
  </si>
  <si>
    <t>FY2001-RICHMOND-045</t>
  </si>
  <si>
    <t>FY2013-SEMINOLE-006</t>
  </si>
  <si>
    <t>DIRT RD N/O</t>
  </si>
  <si>
    <t>63RD STREET</t>
  </si>
  <si>
    <t>723540-13919-2011.gz</t>
  </si>
  <si>
    <t>JENETT</t>
  </si>
  <si>
    <t>726776-24036-1992.gz</t>
  </si>
  <si>
    <t>MARION/THE BAHIA FIRE</t>
  </si>
  <si>
    <t>PREMERE</t>
  </si>
  <si>
    <t>FY2015-BIBB-007</t>
  </si>
  <si>
    <t>723037-93765-2007.gz</t>
  </si>
  <si>
    <t>KONDA #3</t>
  </si>
  <si>
    <t>723895-23149-2009.gz</t>
  </si>
  <si>
    <t>GRAPEVIEW (50)</t>
  </si>
  <si>
    <t>RABBIT #2</t>
  </si>
  <si>
    <t>LOCKE MTN.</t>
  </si>
  <si>
    <t>HAZEL LN / DIVISION ST</t>
  </si>
  <si>
    <t>722448-99999-1997.gz</t>
  </si>
  <si>
    <t>724176-13736-2009.gz</t>
  </si>
  <si>
    <t>FY2002-WAYNE-091</t>
  </si>
  <si>
    <t>724230-93821-2006.gz</t>
  </si>
  <si>
    <t>725098-54704-2015.gz</t>
  </si>
  <si>
    <t>IMPACT (29)</t>
  </si>
  <si>
    <t>POLK OSCEOLA (53)</t>
  </si>
  <si>
    <t>FY2001-ECHOLS-035</t>
  </si>
  <si>
    <t>AXLE</t>
  </si>
  <si>
    <t>CACHE CREEK</t>
  </si>
  <si>
    <t>RELIZ</t>
  </si>
  <si>
    <t>413 9TH E</t>
  </si>
  <si>
    <t>726561-94997-2010.gz</t>
  </si>
  <si>
    <t>WILSON RD.</t>
  </si>
  <si>
    <t>726083-99999-1992.gz</t>
  </si>
  <si>
    <t>FLOWER GARDEN</t>
  </si>
  <si>
    <t>722480-13957-2013.gz</t>
  </si>
  <si>
    <t>WHITE POST</t>
  </si>
  <si>
    <t>998264-99999-2014.gz</t>
  </si>
  <si>
    <t>K86</t>
  </si>
  <si>
    <t>ROSALES</t>
  </si>
  <si>
    <t>COVE LAKE</t>
  </si>
  <si>
    <t>726824-04112-2012.gz</t>
  </si>
  <si>
    <t>HWY 70/CR 235</t>
  </si>
  <si>
    <t>UGLY BLUE</t>
  </si>
  <si>
    <t>720378-00122-2007.gz</t>
  </si>
  <si>
    <t>CASE IH</t>
  </si>
  <si>
    <t>727533-99999-2000.gz</t>
  </si>
  <si>
    <t>ALL</t>
  </si>
  <si>
    <t>FY2001-WASHINGTON-080</t>
  </si>
  <si>
    <t>720979-99999-2015.gz</t>
  </si>
  <si>
    <t>JUNIOR</t>
  </si>
  <si>
    <t>WRONG TURN</t>
  </si>
  <si>
    <t>PECK</t>
  </si>
  <si>
    <t>SENECA CREEK</t>
  </si>
  <si>
    <t>MILL POINTE</t>
  </si>
  <si>
    <t>EMMET TWP.</t>
  </si>
  <si>
    <t>724095-14792-2010.gz</t>
  </si>
  <si>
    <t>WORTH ROAD</t>
  </si>
  <si>
    <t>(OK) CABBAGE (108)</t>
  </si>
  <si>
    <t>IMNAHA DIVIDE</t>
  </si>
  <si>
    <t>LAWHORN</t>
  </si>
  <si>
    <t>RL072</t>
  </si>
  <si>
    <t>MS0    1111-2400222008</t>
  </si>
  <si>
    <t>DINKEY</t>
  </si>
  <si>
    <t>PASEO</t>
  </si>
  <si>
    <t>724945-23293-2013.gz</t>
  </si>
  <si>
    <t>726503-99999-2002.gz</t>
  </si>
  <si>
    <t>SADDLEMTN</t>
  </si>
  <si>
    <t>CUT</t>
  </si>
  <si>
    <t>727830-24149-2015.gz</t>
  </si>
  <si>
    <t>723104-53867-2007.gz</t>
  </si>
  <si>
    <t>SHEEPBACK MOUNTAIN II</t>
  </si>
  <si>
    <t>RACE TRACK</t>
  </si>
  <si>
    <t>FY2000-BURKE-104</t>
  </si>
  <si>
    <t>FIRSTROAD</t>
  </si>
  <si>
    <t>SUNDEVIL</t>
  </si>
  <si>
    <t>MURRER</t>
  </si>
  <si>
    <t>SOFTBALL F</t>
  </si>
  <si>
    <t xml:space="preserve">TRIMMER                  </t>
  </si>
  <si>
    <t xml:space="preserve">MILLER ST  RAYMOND       </t>
  </si>
  <si>
    <t>TRIPLE SHREDDED</t>
  </si>
  <si>
    <t>MOTOR HOME 2</t>
  </si>
  <si>
    <t>RICKWOOD</t>
  </si>
  <si>
    <t>PASS CRK</t>
  </si>
  <si>
    <t>725830-24128-1999.gz</t>
  </si>
  <si>
    <t>722167-03718-2012.gz</t>
  </si>
  <si>
    <t>RUFFIN</t>
  </si>
  <si>
    <t>994220-99999-1993.gz</t>
  </si>
  <si>
    <t>11-698</t>
  </si>
  <si>
    <t>HARMONY CHURCH</t>
  </si>
  <si>
    <t>CLARK ROAD FIRE</t>
  </si>
  <si>
    <t>CADY</t>
  </si>
  <si>
    <t>0782  WHISKEYSPRINGS</t>
  </si>
  <si>
    <t>48 days 00:00:00.000000000</t>
  </si>
  <si>
    <t>726920-24230-2013.gz</t>
  </si>
  <si>
    <t>727455-94931-2007.gz</t>
  </si>
  <si>
    <t>DUCK</t>
  </si>
  <si>
    <t>BRIMHALL BRUSH FIRE</t>
  </si>
  <si>
    <t>SPEIGHT RD FIRE</t>
  </si>
  <si>
    <t>LD1207</t>
  </si>
  <si>
    <t>BIRCH DRIVE</t>
  </si>
  <si>
    <t>FOUR</t>
  </si>
  <si>
    <t>722783-03185-2012.gz</t>
  </si>
  <si>
    <t>FOURSEAM BUFFALO #2</t>
  </si>
  <si>
    <t>EDGEMONT CEMETARY</t>
  </si>
  <si>
    <t xml:space="preserve">BORDER 15                </t>
  </si>
  <si>
    <t>747185-99999-2005.gz</t>
  </si>
  <si>
    <t>POND FIRE</t>
  </si>
  <si>
    <t>723065-99999-2001.gz</t>
  </si>
  <si>
    <t>723750-03103-2008.gz</t>
  </si>
  <si>
    <t>TROUGH #2</t>
  </si>
  <si>
    <t>53 days 00:00:00.000000000</t>
  </si>
  <si>
    <t>SOUTH NISQUALLY</t>
  </si>
  <si>
    <t>MS0    0909-5430305005</t>
  </si>
  <si>
    <t>RATTLESNAKE 1</t>
  </si>
  <si>
    <t>727840-99999-2003.gz</t>
  </si>
  <si>
    <t>DUMPSTER</t>
  </si>
  <si>
    <t>726682-54914-2012.gz</t>
  </si>
  <si>
    <t>HECHTMAN</t>
  </si>
  <si>
    <t>723260-13891-2005.gz</t>
  </si>
  <si>
    <t>HURRICANE</t>
  </si>
  <si>
    <t>722510-12924-1996.gz</t>
  </si>
  <si>
    <t>ROCKY TOP # 2</t>
  </si>
  <si>
    <t>726945-24202-2006.gz</t>
  </si>
  <si>
    <t>723755-03103-2004.gz</t>
  </si>
  <si>
    <t>722197-53819-2010.gz</t>
  </si>
  <si>
    <t>ESCALADE</t>
  </si>
  <si>
    <t>723114-03715-2007.gz</t>
  </si>
  <si>
    <t>747043-03165-2011.gz</t>
  </si>
  <si>
    <t>NOR-20131125-001</t>
  </si>
  <si>
    <t>ATHERTON (CHESAPEAKE)</t>
  </si>
  <si>
    <t>722637-93046-2013.gz</t>
  </si>
  <si>
    <t>ST.JOHNS - BRUSH/POWER LINES</t>
  </si>
  <si>
    <t>NATIONAL</t>
  </si>
  <si>
    <t>723783-99999-2004.gz</t>
  </si>
  <si>
    <t>LOGAN</t>
  </si>
  <si>
    <t>CAMDEN</t>
  </si>
  <si>
    <t>FY2002-BEN HILL-026</t>
  </si>
  <si>
    <t>725187-99999-2001.gz</t>
  </si>
  <si>
    <t>727504-94999-2012.gz</t>
  </si>
  <si>
    <t>711680-99999-2009.gz</t>
  </si>
  <si>
    <t>PINEY RIDGE # 3   (30 )</t>
  </si>
  <si>
    <t>722269-03850-2012.gz</t>
  </si>
  <si>
    <t>FY2014-POLK-003</t>
  </si>
  <si>
    <t>LATHAM RD. FIRE</t>
  </si>
  <si>
    <t>TFS 61</t>
  </si>
  <si>
    <t>HARRIS BURN BAN</t>
  </si>
  <si>
    <t>EAST CANYON</t>
  </si>
  <si>
    <t>725755-99999-2001.gz</t>
  </si>
  <si>
    <t>CLAYTON HOMES</t>
  </si>
  <si>
    <t>HAYES BRANCH</t>
  </si>
  <si>
    <t xml:space="preserve">SILVER                   </t>
  </si>
  <si>
    <t>725165-94737-2006.gz</t>
  </si>
  <si>
    <t xml:space="preserve">PALM                     </t>
  </si>
  <si>
    <t>BUKY RUN - AMICK</t>
  </si>
  <si>
    <t>14-0007</t>
  </si>
  <si>
    <t>LA ROSITA 2</t>
  </si>
  <si>
    <t>JOHNS ROAD (25)</t>
  </si>
  <si>
    <t>HARVILL</t>
  </si>
  <si>
    <t>FY2001-HART-024</t>
  </si>
  <si>
    <t>TRAIL BRANCH</t>
  </si>
  <si>
    <t xml:space="preserve">VERDE                    </t>
  </si>
  <si>
    <t>743946-99999-1998.gz</t>
  </si>
  <si>
    <t xml:space="preserve">REYNOLDS                 </t>
  </si>
  <si>
    <t>FY2001-HEARD-005</t>
  </si>
  <si>
    <t>TWINSPRING</t>
  </si>
  <si>
    <t>FY2000-TREUTLEN-054</t>
  </si>
  <si>
    <t>OR-MAF-154</t>
  </si>
  <si>
    <t>726839-94196-2006.gz</t>
  </si>
  <si>
    <t>726710-99999-1995.gz</t>
  </si>
  <si>
    <t>722151-14794-2009.gz</t>
  </si>
  <si>
    <t>POLAR</t>
  </si>
  <si>
    <t>702615-99999-1992.gz</t>
  </si>
  <si>
    <t>BREAK RIDGE</t>
  </si>
  <si>
    <t>STATE 135</t>
  </si>
  <si>
    <t>FERRY ROAD</t>
  </si>
  <si>
    <t>723050-99999-2001.gz</t>
  </si>
  <si>
    <t>125 IUA 27</t>
  </si>
  <si>
    <t>DUNDEE</t>
  </si>
  <si>
    <t>A00004-53929-2007.gz</t>
  </si>
  <si>
    <t>WOLVERINE2</t>
  </si>
  <si>
    <t>725868-99999-1996.gz</t>
  </si>
  <si>
    <t>14-OAK RIDGE FIRE-0161</t>
  </si>
  <si>
    <t>OASIS</t>
  </si>
  <si>
    <t>724016-93736-2000.gz</t>
  </si>
  <si>
    <t>FY2013-EVANS-019</t>
  </si>
  <si>
    <t>SPUD PATCH</t>
  </si>
  <si>
    <t>722710-93045-2002.gz</t>
  </si>
  <si>
    <t>SIX SPR 2</t>
  </si>
  <si>
    <t>746141-23141-2005.gz</t>
  </si>
  <si>
    <t>SHOTGUN</t>
  </si>
  <si>
    <t>MISSOURI FORK</t>
  </si>
  <si>
    <t>BAZAN RD.</t>
  </si>
  <si>
    <t>722780-23183-2002.gz</t>
  </si>
  <si>
    <t>5713 PISTIL</t>
  </si>
  <si>
    <t>WADE</t>
  </si>
  <si>
    <t>SPRUCE CREEK</t>
  </si>
  <si>
    <t>DUTCHMAN</t>
  </si>
  <si>
    <t>724645-23070-2000.gz</t>
  </si>
  <si>
    <t>722101-03039-2013.gz</t>
  </si>
  <si>
    <t>BNSF</t>
  </si>
  <si>
    <t>722204-04996-2010.gz</t>
  </si>
  <si>
    <t>OVERLOOK ROCK</t>
  </si>
  <si>
    <t>DUAL</t>
  </si>
  <si>
    <t>725157-54757-2010.gz</t>
  </si>
  <si>
    <t>RAZOR</t>
  </si>
  <si>
    <t>RUN</t>
  </si>
  <si>
    <t>723146-99999-1999.gz</t>
  </si>
  <si>
    <t>725566-04957-2014.gz</t>
  </si>
  <si>
    <t>LASSEN</t>
  </si>
  <si>
    <t>747750-13846-1993.gz</t>
  </si>
  <si>
    <t>12-0000136</t>
  </si>
  <si>
    <t>722470-03901-2012.gz</t>
  </si>
  <si>
    <t xml:space="preserve">HERMOSA                  </t>
  </si>
  <si>
    <t>FY2012-UPSON-008</t>
  </si>
  <si>
    <t xml:space="preserve">HWY 152 HWY / BLOOMFIELD </t>
  </si>
  <si>
    <t>120938-02319-03222015-2048</t>
  </si>
  <si>
    <t>725499-94991-2015.gz</t>
  </si>
  <si>
    <t>RAINED ON IT</t>
  </si>
  <si>
    <t>BIVINS</t>
  </si>
  <si>
    <t>722324-03071-2009.gz</t>
  </si>
  <si>
    <t>722636-93042-2007.gz</t>
  </si>
  <si>
    <t>SOUTH BULL LAKE</t>
  </si>
  <si>
    <t>725760-24021-2012.gz</t>
  </si>
  <si>
    <t>FY2002-TWIGGS-025</t>
  </si>
  <si>
    <t>203 CHERRY ST.</t>
  </si>
  <si>
    <t>PINE STRAW</t>
  </si>
  <si>
    <t>COLD WIND</t>
  </si>
  <si>
    <t>FY2001-MURRAY-019</t>
  </si>
  <si>
    <t>FY2000-MACON-037</t>
  </si>
  <si>
    <t xml:space="preserve">DUNLAP                   </t>
  </si>
  <si>
    <t>C.R. 145 FIRE.</t>
  </si>
  <si>
    <t>722517-12932-2011.gz</t>
  </si>
  <si>
    <t>FLANNIGAN CREEK</t>
  </si>
  <si>
    <t>BLAND</t>
  </si>
  <si>
    <t>FOUR O'CLO</t>
  </si>
  <si>
    <t>DESERT MEADOWS</t>
  </si>
  <si>
    <t>ECR-20140228-002</t>
  </si>
  <si>
    <t xml:space="preserve">WINDMASTER #2            </t>
  </si>
  <si>
    <t>724927-99999-1994.gz</t>
  </si>
  <si>
    <t>BABO 1</t>
  </si>
  <si>
    <t>722745-23109-2006.gz</t>
  </si>
  <si>
    <t>723657-99999-1993.gz</t>
  </si>
  <si>
    <t>LOCUST STREET FIRE</t>
  </si>
  <si>
    <t>724084-04739-1996.gz</t>
  </si>
  <si>
    <t>DRIP TORCH</t>
  </si>
  <si>
    <t>723444-99999-2001.gz</t>
  </si>
  <si>
    <t>CROSS BAY</t>
  </si>
  <si>
    <t>CUB</t>
  </si>
  <si>
    <t>RUSH</t>
  </si>
  <si>
    <t>71 days 00:00:00.000000000</t>
  </si>
  <si>
    <t>BLUE DRAW</t>
  </si>
  <si>
    <t xml:space="preserve">BEAR                     </t>
  </si>
  <si>
    <t>724767-99999-2005.gz</t>
  </si>
  <si>
    <t>CAPPS FIRE AT AFA</t>
  </si>
  <si>
    <t>724660-93037-2011.gz</t>
  </si>
  <si>
    <t>CRAFT RANCH FIRE</t>
  </si>
  <si>
    <t>723117-53871-2012.gz</t>
  </si>
  <si>
    <t>NEAR BILL'S FIRE</t>
  </si>
  <si>
    <t>PHILLIP JOHN</t>
  </si>
  <si>
    <t>722053-12841-1998.gz</t>
  </si>
  <si>
    <t>PINKSTON RD (51)</t>
  </si>
  <si>
    <t>FY2011-LIBERTY-040</t>
  </si>
  <si>
    <t>C. PERRY</t>
  </si>
  <si>
    <t>MOE</t>
  </si>
  <si>
    <t xml:space="preserve">HAWK                     </t>
  </si>
  <si>
    <t>726549-54905-2006.gz</t>
  </si>
  <si>
    <t>SANDHILL CRANE (10)</t>
  </si>
  <si>
    <t>REDWATER</t>
  </si>
  <si>
    <t>740030-24103-2010.gz</t>
  </si>
  <si>
    <t xml:space="preserve">ESQUON                   </t>
  </si>
  <si>
    <t>LONE STAR</t>
  </si>
  <si>
    <t>JAYNE</t>
  </si>
  <si>
    <t>4TH ST.</t>
  </si>
  <si>
    <t>722324-03071-2008.gz</t>
  </si>
  <si>
    <t>FY2002-DECATUR-049</t>
  </si>
  <si>
    <t>GRASSHOPPER</t>
  </si>
  <si>
    <t>FLAXPATCH</t>
  </si>
  <si>
    <t>SPRUCE LAURAL FK</t>
  </si>
  <si>
    <t>HAVER HILL FIRE</t>
  </si>
  <si>
    <t>K10-163</t>
  </si>
  <si>
    <t>722109-99999-2004.gz</t>
  </si>
  <si>
    <t>HUS SW 30</t>
  </si>
  <si>
    <t>701730-99999-1994.gz</t>
  </si>
  <si>
    <t>STEHLIK FIRE</t>
  </si>
  <si>
    <t>DAVID BRIGHT ROAD</t>
  </si>
  <si>
    <t>746929-03702-2011.gz</t>
  </si>
  <si>
    <t>ALGOMA(233)</t>
  </si>
  <si>
    <t>725895-94236-2014.gz</t>
  </si>
  <si>
    <t>12-0004009 NANTUCKET GRASS FIRE</t>
  </si>
  <si>
    <t>FY2002-BULLOCH-159</t>
  </si>
  <si>
    <t>722191-03721-2008.gz</t>
  </si>
  <si>
    <t>LET IT BURN</t>
  </si>
  <si>
    <t>UPPER PASS</t>
  </si>
  <si>
    <t>LEVY</t>
  </si>
  <si>
    <t>720411-00137-2009.gz</t>
  </si>
  <si>
    <t>724955-93227-2004.gz</t>
  </si>
  <si>
    <t>FY2000-COFFEE-065</t>
  </si>
  <si>
    <t xml:space="preserve">NORRBOM                  </t>
  </si>
  <si>
    <t>726227-94790-2003.gz</t>
  </si>
  <si>
    <t>724769-94035-2013.gz</t>
  </si>
  <si>
    <t>SW237AVE#6</t>
  </si>
  <si>
    <t>FERNANDEZ 30</t>
  </si>
  <si>
    <t xml:space="preserve">SLU# 3746                </t>
  </si>
  <si>
    <t>723930-99999-1992.gz</t>
  </si>
  <si>
    <t>PRINCESS PLACE   (18)</t>
  </si>
  <si>
    <t>SHADOWLAWN (10)</t>
  </si>
  <si>
    <t>WASH</t>
  </si>
  <si>
    <t>RAY LEE</t>
  </si>
  <si>
    <t>746936-99999-2002.gz</t>
  </si>
  <si>
    <t>HENSON</t>
  </si>
  <si>
    <t>722174-23097-2015.gz</t>
  </si>
  <si>
    <t>WESTLAKE</t>
  </si>
  <si>
    <t xml:space="preserve">E COMMONWEALTH AV /S SAN </t>
  </si>
  <si>
    <t xml:space="preserve">STATE 990                </t>
  </si>
  <si>
    <t>725235-99999-2001.gz</t>
  </si>
  <si>
    <t>CATTAILISL</t>
  </si>
  <si>
    <t>723556-99999-2000.gz</t>
  </si>
  <si>
    <t>723424-53919-2005.gz</t>
  </si>
  <si>
    <t>NEW SWEDEN</t>
  </si>
  <si>
    <t>KEIZER CREEK</t>
  </si>
  <si>
    <t>WF BIG HILL DEPOT</t>
  </si>
  <si>
    <t>BONITA</t>
  </si>
  <si>
    <t>LINDEN - 207</t>
  </si>
  <si>
    <t>722042-53978-2010.gz</t>
  </si>
  <si>
    <t>BURNED CAR</t>
  </si>
  <si>
    <t>ICE</t>
  </si>
  <si>
    <t>WEDNESDAY FIRE</t>
  </si>
  <si>
    <t>HWY25 NEAR MANKINS</t>
  </si>
  <si>
    <t>SHUTZ</t>
  </si>
  <si>
    <t>OXY</t>
  </si>
  <si>
    <t>MAYBE CREEK</t>
  </si>
  <si>
    <t>BULLOCK</t>
  </si>
  <si>
    <t>56 days 00:00:00.000000000</t>
  </si>
  <si>
    <t>726506-04840-2004.gz</t>
  </si>
  <si>
    <t>BIG SAGE</t>
  </si>
  <si>
    <t>BN3</t>
  </si>
  <si>
    <t>726558-99999-1993.gz</t>
  </si>
  <si>
    <t>746929-99999-2005.gz</t>
  </si>
  <si>
    <t>724354-63815-2009.gz</t>
  </si>
  <si>
    <t>LEWIS DEAN</t>
  </si>
  <si>
    <t>722363-23098-2010.gz</t>
  </si>
  <si>
    <t>DRAGWAY</t>
  </si>
  <si>
    <t>121284-10952-03302015-1058</t>
  </si>
  <si>
    <t>724347-53904-2015.gz</t>
  </si>
  <si>
    <t>CEBOLLITA</t>
  </si>
  <si>
    <t>MHM NE 22</t>
  </si>
  <si>
    <t>701793-99999-1993.gz</t>
  </si>
  <si>
    <t>BLACKTAIL 1</t>
  </si>
  <si>
    <t>725636-24017-2011.gz</t>
  </si>
  <si>
    <t>WILDWOOD</t>
  </si>
  <si>
    <t>FY2013-WAYNE-042</t>
  </si>
  <si>
    <t>PRINCESSA</t>
  </si>
  <si>
    <t>702615-99999-2002.gz</t>
  </si>
  <si>
    <t>WESLEY CHURCH ROAD</t>
  </si>
  <si>
    <t>LOST HORIZ</t>
  </si>
  <si>
    <t>NO KEY</t>
  </si>
  <si>
    <t>726530-94943-2008.gz</t>
  </si>
  <si>
    <t>LUMBEE AVE FIRE</t>
  </si>
  <si>
    <t>RAMSY 1</t>
  </si>
  <si>
    <t>720521-00475-2014.gz</t>
  </si>
  <si>
    <t>A1305039</t>
  </si>
  <si>
    <t>FLAT</t>
  </si>
  <si>
    <t>BEOWAWE</t>
  </si>
  <si>
    <t>MONSON</t>
  </si>
  <si>
    <t>725786-24151-1999.gz</t>
  </si>
  <si>
    <t>FY2002-PULASKI-061</t>
  </si>
  <si>
    <t>FY2012-JOHNSON-027</t>
  </si>
  <si>
    <t>MANCOSCRK</t>
  </si>
  <si>
    <t>724767-99999-1996.gz</t>
  </si>
  <si>
    <t>MS0    1010-3640319011</t>
  </si>
  <si>
    <t>722275-53843-2008.gz</t>
  </si>
  <si>
    <t xml:space="preserve">LOCAL #17043             </t>
  </si>
  <si>
    <t>690584-99999-2000.gz</t>
  </si>
  <si>
    <t>BEGGS</t>
  </si>
  <si>
    <t>724350-03816-2013.gz</t>
  </si>
  <si>
    <t>FRAZER LK</t>
  </si>
  <si>
    <t>703500-25501-2000.gz</t>
  </si>
  <si>
    <t>SCOTTS</t>
  </si>
  <si>
    <t>725845-23225-2003.gz</t>
  </si>
  <si>
    <t>OTA 35</t>
  </si>
  <si>
    <t>LEAD MOUNTAIN POND</t>
  </si>
  <si>
    <t>726077-14616-2014.gz</t>
  </si>
  <si>
    <t>725235-04720-2007.gz</t>
  </si>
  <si>
    <t xml:space="preserve">DALY IC GRIDLEY FIRE     </t>
  </si>
  <si>
    <t>724837-93216-2007.gz</t>
  </si>
  <si>
    <t>SWENSON</t>
  </si>
  <si>
    <t>MS1915</t>
  </si>
  <si>
    <t>FY2015-SUMTER-017</t>
  </si>
  <si>
    <t>CROCKETT</t>
  </si>
  <si>
    <t xml:space="preserve">CORRAL HOLLOW DUMP       </t>
  </si>
  <si>
    <t>724645-23070-1995.gz</t>
  </si>
  <si>
    <t>FY2001-WORTH-053</t>
  </si>
  <si>
    <t>LIVINGSTON - 176</t>
  </si>
  <si>
    <t>724075-13735-2011.gz</t>
  </si>
  <si>
    <t>HARDY</t>
  </si>
  <si>
    <t>COWS 2000</t>
  </si>
  <si>
    <t>726578-99999-2000.gz</t>
  </si>
  <si>
    <t xml:space="preserve">POWER                    </t>
  </si>
  <si>
    <t>QUIGLY</t>
  </si>
  <si>
    <t xml:space="preserve">STATE 576                </t>
  </si>
  <si>
    <t>MS0    0808-4550326015</t>
  </si>
  <si>
    <t>WOODVILLE - 111</t>
  </si>
  <si>
    <t>LAT B W WA</t>
  </si>
  <si>
    <t>727810-24243-2003.gz</t>
  </si>
  <si>
    <t>GENTRY JONES HOLLOW</t>
  </si>
  <si>
    <t>LINDEN - 6099</t>
  </si>
  <si>
    <t>1516 CARTER RD</t>
  </si>
  <si>
    <t>JOHNSON 2</t>
  </si>
  <si>
    <t>79 days 00:00:00.000000000</t>
  </si>
  <si>
    <t>HALLS TOP</t>
  </si>
  <si>
    <t>CHEF-9-94</t>
  </si>
  <si>
    <t>722316-12958-1994.gz</t>
  </si>
  <si>
    <t>DOD4</t>
  </si>
  <si>
    <t>SKINNY PINGSTON</t>
  </si>
  <si>
    <t>727870-94119-2011.gz</t>
  </si>
  <si>
    <t>BOXER</t>
  </si>
  <si>
    <t>726530-94943-2015.gz</t>
  </si>
  <si>
    <t>HIPPO</t>
  </si>
  <si>
    <t>NEAL #2</t>
  </si>
  <si>
    <t>SPRING HILL CHURCH</t>
  </si>
  <si>
    <t>MUDFORK</t>
  </si>
  <si>
    <t>MILL</t>
  </si>
  <si>
    <t>1464 CR 8, AL</t>
  </si>
  <si>
    <t>STRING</t>
  </si>
  <si>
    <t>HAWTHORNE</t>
  </si>
  <si>
    <t>727856-94176-2014.gz</t>
  </si>
  <si>
    <t>WARNERVILLE</t>
  </si>
  <si>
    <t>720172-53996-2015.gz</t>
  </si>
  <si>
    <t>TOZITNA</t>
  </si>
  <si>
    <t>701780-26529-1998.gz</t>
  </si>
  <si>
    <t>722108-12894-2008.gz</t>
  </si>
  <si>
    <t>994250-99999-2008.gz</t>
  </si>
  <si>
    <t>DOY 1  HWY</t>
  </si>
  <si>
    <t>720768-00274-2011.gz</t>
  </si>
  <si>
    <t>MS0    1010-3161019003</t>
  </si>
  <si>
    <t>JAMES FIRE</t>
  </si>
  <si>
    <t>CEDARCOV2</t>
  </si>
  <si>
    <t>STERGEON ROAD</t>
  </si>
  <si>
    <t>BAIL OUT</t>
  </si>
  <si>
    <t>720269-12982-2011.gz</t>
  </si>
  <si>
    <t>PAULS</t>
  </si>
  <si>
    <t>ARMSTRONG</t>
  </si>
  <si>
    <t>BORDER 3</t>
  </si>
  <si>
    <t>722904-03178-2013.gz</t>
  </si>
  <si>
    <t>ARD C-97</t>
  </si>
  <si>
    <t>FRIEND</t>
  </si>
  <si>
    <t>SMOKE BOMB</t>
  </si>
  <si>
    <t>DETRITAL</t>
  </si>
  <si>
    <t>NWR-20151019-007</t>
  </si>
  <si>
    <t>722867-23156-1992.gz</t>
  </si>
  <si>
    <t>SANOSTEE</t>
  </si>
  <si>
    <t>LIVINGSTON - 183</t>
  </si>
  <si>
    <t>MS0    1010-3620918002</t>
  </si>
  <si>
    <t>724556-13989-2014.gz</t>
  </si>
  <si>
    <t>ST. HWY 16</t>
  </si>
  <si>
    <t>MS0    0808-5790318010</t>
  </si>
  <si>
    <t>TEQUILLA</t>
  </si>
  <si>
    <t>720617-00208-2015.gz</t>
  </si>
  <si>
    <t>EMPIREBRID</t>
  </si>
  <si>
    <t>727687-99999-2005.gz</t>
  </si>
  <si>
    <t>911700-99999-2004.gz</t>
  </si>
  <si>
    <t>BROKEN POWER LINE</t>
  </si>
  <si>
    <t>725292-14976-2006.gz</t>
  </si>
  <si>
    <t>722554-12978-2008.gz</t>
  </si>
  <si>
    <t>PARMLEY HOLLOW</t>
  </si>
  <si>
    <t>MAHCHA</t>
  </si>
  <si>
    <t>ARMSTRONG/ FRANKS COMPLEX</t>
  </si>
  <si>
    <t>NC 53/N. ELWELL FERRY ROAD</t>
  </si>
  <si>
    <t>720279-03705-2014.gz</t>
  </si>
  <si>
    <t>MS0    1010-5430314005</t>
  </si>
  <si>
    <t>TIOGA TRI</t>
  </si>
  <si>
    <t>726904-24231-1993.gz</t>
  </si>
  <si>
    <t>FY2015-LAURENS-129</t>
  </si>
  <si>
    <t>OUT BUILDING GONE</t>
  </si>
  <si>
    <t>727550-99999-1992.gz</t>
  </si>
  <si>
    <t>SEQUOYAH T</t>
  </si>
  <si>
    <t>FY2012-HANCOCK-045</t>
  </si>
  <si>
    <t>720347-63877-2012.gz</t>
  </si>
  <si>
    <t xml:space="preserve">PUNJOJB                  </t>
  </si>
  <si>
    <t>MERRILL</t>
  </si>
  <si>
    <t>727033-99999-1992.gz</t>
  </si>
  <si>
    <t>BLUE SPRINGS</t>
  </si>
  <si>
    <t>722687-93033-2014.gz</t>
  </si>
  <si>
    <t>TIMMERMAN FIRE</t>
  </si>
  <si>
    <t>SWR-20150407-002</t>
  </si>
  <si>
    <t>ERWIN HOLLOW SF</t>
  </si>
  <si>
    <t>725520-14935-2013.gz</t>
  </si>
  <si>
    <t>MESA CO 17</t>
  </si>
  <si>
    <t>724760-23066-2008.gz</t>
  </si>
  <si>
    <t>SMITH CHAPEL</t>
  </si>
  <si>
    <t>LAMKIN FIRE</t>
  </si>
  <si>
    <t>CR 603 (7130)</t>
  </si>
  <si>
    <t>722666-93943-2014.gz</t>
  </si>
  <si>
    <t>722692-00367-2011.gz</t>
  </si>
  <si>
    <t>WALNUT CREEK</t>
  </si>
  <si>
    <t>DUNN012013A</t>
  </si>
  <si>
    <t>EAST BRANC</t>
  </si>
  <si>
    <t>722188-99999-2004.gz</t>
  </si>
  <si>
    <t xml:space="preserve">LOWE                     </t>
  </si>
  <si>
    <t>COCHETOPA</t>
  </si>
  <si>
    <t>724677-99999-2001.gz</t>
  </si>
  <si>
    <t>PRINCESS ANN</t>
  </si>
  <si>
    <t>720274-93799-2010.gz</t>
  </si>
  <si>
    <t>MS0    1111-5740213011</t>
  </si>
  <si>
    <t>726557-14910-2003.gz</t>
  </si>
  <si>
    <t>NEWMEN</t>
  </si>
  <si>
    <t>L.G.</t>
  </si>
  <si>
    <t>720259-63844-2009.gz</t>
  </si>
  <si>
    <t>RL296</t>
  </si>
  <si>
    <t>SKUNK RDGE</t>
  </si>
  <si>
    <t>HUNNICUTT</t>
  </si>
  <si>
    <t>723447-99999-2000.gz</t>
  </si>
  <si>
    <t>GOOSEWING</t>
  </si>
  <si>
    <t>725776-99999-2003.gz</t>
  </si>
  <si>
    <t xml:space="preserve">MEDINA                   </t>
  </si>
  <si>
    <t>ZONE</t>
  </si>
  <si>
    <t>722239-53861-2010.gz</t>
  </si>
  <si>
    <t>RRMTNRD</t>
  </si>
  <si>
    <t>TURKEYFRM1</t>
  </si>
  <si>
    <t xml:space="preserve">RD. 23                   </t>
  </si>
  <si>
    <t>STINGY LANE FIRE</t>
  </si>
  <si>
    <t>434 CLOUD 9 ROAD</t>
  </si>
  <si>
    <t>725187-99999-2002.gz</t>
  </si>
  <si>
    <t>FY2003-HOUSTON-005</t>
  </si>
  <si>
    <t>HWY 259</t>
  </si>
  <si>
    <t>FY2014-BURKE-015</t>
  </si>
  <si>
    <t>BOB LEROY</t>
  </si>
  <si>
    <t>NO NAME 219</t>
  </si>
  <si>
    <t>JUNALUSKA</t>
  </si>
  <si>
    <t>BALLS CANYON</t>
  </si>
  <si>
    <t>724880-23185-2007.gz</t>
  </si>
  <si>
    <t>726544-99999-1997.gz</t>
  </si>
  <si>
    <t>WHITBY</t>
  </si>
  <si>
    <t>85 days 00:00:00.000000000</t>
  </si>
  <si>
    <t>725016-54790-2014.gz</t>
  </si>
  <si>
    <t>722520-12907-2015.gz</t>
  </si>
  <si>
    <t>FY2013-PEACH-003</t>
  </si>
  <si>
    <t>723544-99999-1997.gz</t>
  </si>
  <si>
    <t>TITANIC</t>
  </si>
  <si>
    <t>GUNSHOT FIRE</t>
  </si>
  <si>
    <t>A00022-53995-2006.gz</t>
  </si>
  <si>
    <t>POWERHOUSE #21</t>
  </si>
  <si>
    <t>ALAMO</t>
  </si>
  <si>
    <t>720542-00166-2011.gz</t>
  </si>
  <si>
    <t>725621-94063-2013.gz</t>
  </si>
  <si>
    <t>SABINE 1</t>
  </si>
  <si>
    <t>727730-24153-2008.gz</t>
  </si>
  <si>
    <t>PED ROAD SR 1135</t>
  </si>
  <si>
    <t>WARDS BUTTE</t>
  </si>
  <si>
    <t>722320-12884-2004.gz</t>
  </si>
  <si>
    <t>724084-04739-1999.gz</t>
  </si>
  <si>
    <t xml:space="preserve">LIGHT #37                </t>
  </si>
  <si>
    <t>725955-24259-1994.gz</t>
  </si>
  <si>
    <t>LONG DITCH FIRE</t>
  </si>
  <si>
    <t>PREACHER COMPLEX</t>
  </si>
  <si>
    <t>HENDERSON - 279</t>
  </si>
  <si>
    <t>722589-03991-2014.gz</t>
  </si>
  <si>
    <t>725187-99999-2003.gz</t>
  </si>
  <si>
    <t>BOOK'S FIRE</t>
  </si>
  <si>
    <t>CHRISTIAN RIVER 1</t>
  </si>
  <si>
    <t>FY2002-COWETA-107</t>
  </si>
  <si>
    <t>747917-99999-2008.gz</t>
  </si>
  <si>
    <t xml:space="preserve">COSTELLO #2              </t>
  </si>
  <si>
    <t>PEACHLAND</t>
  </si>
  <si>
    <t>MUSTANG WF</t>
  </si>
  <si>
    <t>722029-12888-2014.gz</t>
  </si>
  <si>
    <t>727925-99999-1993.gz</t>
  </si>
  <si>
    <t>FY2000-PUTNAM-028</t>
  </si>
  <si>
    <t>SAGE CREEK</t>
  </si>
  <si>
    <t>726839-99999-1992.gz</t>
  </si>
  <si>
    <t>IVORY (02)</t>
  </si>
  <si>
    <t>B AMOS2</t>
  </si>
  <si>
    <t>R139</t>
  </si>
  <si>
    <t>ROBBERS</t>
  </si>
  <si>
    <t>BOIES</t>
  </si>
  <si>
    <t>PLAINVIEW</t>
  </si>
  <si>
    <t>JAMES RIVER</t>
  </si>
  <si>
    <t>BAD</t>
  </si>
  <si>
    <t>DALMATION</t>
  </si>
  <si>
    <t>MS0    1111-2500224009</t>
  </si>
  <si>
    <t>ELK SONG</t>
  </si>
  <si>
    <t>WILLOW SPRINGS</t>
  </si>
  <si>
    <t>740030-24103-2014.gz</t>
  </si>
  <si>
    <t>FY2003-WHEELER-002</t>
  </si>
  <si>
    <t>CHIPPY CREEK</t>
  </si>
  <si>
    <t>727795-99999-1998.gz</t>
  </si>
  <si>
    <t>WISE RD</t>
  </si>
  <si>
    <t>SHIPROCK</t>
  </si>
  <si>
    <t>723658-23090-2006.gz</t>
  </si>
  <si>
    <t>BELGARDE</t>
  </si>
  <si>
    <t>727675-94011-1995.gz</t>
  </si>
  <si>
    <t>PINE GULCH</t>
  </si>
  <si>
    <t>NICHOLSON RD FIRE # 3</t>
  </si>
  <si>
    <t>723143-99999-2002.gz</t>
  </si>
  <si>
    <t>BEST SAND FIRE</t>
  </si>
  <si>
    <t>722213-99999-2002.gz</t>
  </si>
  <si>
    <t>CHIEF</t>
  </si>
  <si>
    <t>FABER II WF (SFBAY)</t>
  </si>
  <si>
    <t>724937-23289-2007.gz</t>
  </si>
  <si>
    <t xml:space="preserve">BANGOR 3                 </t>
  </si>
  <si>
    <t>LONE TREE 2</t>
  </si>
  <si>
    <t>727684-94051-2012.gz</t>
  </si>
  <si>
    <t>DEXTER DRIVE</t>
  </si>
  <si>
    <t>723068-93759-2012.gz</t>
  </si>
  <si>
    <t>722317-13970-2008.gz</t>
  </si>
  <si>
    <t>SLOAN FARM FIRE</t>
  </si>
  <si>
    <t>723069-99999-2002.gz</t>
  </si>
  <si>
    <t>SONIE CREEK</t>
  </si>
  <si>
    <t>YAKIMA</t>
  </si>
  <si>
    <t>DUMPFIRE</t>
  </si>
  <si>
    <t>996310-99999-2003.gz</t>
  </si>
  <si>
    <t>747900-13849-2014.gz</t>
  </si>
  <si>
    <t>FRED PHILLIPS FIRE</t>
  </si>
  <si>
    <t>BECKER</t>
  </si>
  <si>
    <t>724106-13728-1997.gz</t>
  </si>
  <si>
    <t>KENNY MACK</t>
  </si>
  <si>
    <t>746936-03712-2012.gz</t>
  </si>
  <si>
    <t>RL446</t>
  </si>
  <si>
    <t>SNAKE AND 1781 FIRE</t>
  </si>
  <si>
    <t>722524-12972-2011.gz</t>
  </si>
  <si>
    <t>WEST SABINE HIGH SCHOOL</t>
  </si>
  <si>
    <t>POWERHOUSE ROAD 2</t>
  </si>
  <si>
    <t>MINK FARM ROAD FIRE</t>
  </si>
  <si>
    <t>SECTION 29 ORCHARD (57)</t>
  </si>
  <si>
    <t>722024-99999-2000.gz</t>
  </si>
  <si>
    <t>725556-94975-2014.gz</t>
  </si>
  <si>
    <t>222 days 00:00:00.000000000</t>
  </si>
  <si>
    <t>FOURMILE#3</t>
  </si>
  <si>
    <t>720353-63875-2015.gz</t>
  </si>
  <si>
    <t xml:space="preserve">VIEJO CAMINO             </t>
  </si>
  <si>
    <t>726499-94971-2006.gz</t>
  </si>
  <si>
    <t>VIPER</t>
  </si>
  <si>
    <t>ALEXANDER RD. FIRE</t>
  </si>
  <si>
    <t>WESTON</t>
  </si>
  <si>
    <t>003 YAWN</t>
  </si>
  <si>
    <t>SAWBILL FIRE</t>
  </si>
  <si>
    <t>727454-99999-2003.gz</t>
  </si>
  <si>
    <t>NEWMAN  (28)</t>
  </si>
  <si>
    <t>994230-99999-1997.gz</t>
  </si>
  <si>
    <t>723118-53850-2009.gz</t>
  </si>
  <si>
    <t>725955-24259-1996.gz</t>
  </si>
  <si>
    <t>LUMBERTON</t>
  </si>
  <si>
    <t xml:space="preserve">BREWER                   </t>
  </si>
  <si>
    <t>SWR-20120411-005</t>
  </si>
  <si>
    <t>LEOPOLD HILL FIRE</t>
  </si>
  <si>
    <t>724365-99999-2001.gz</t>
  </si>
  <si>
    <t>LIPAN TRL FIRE</t>
  </si>
  <si>
    <t>RL99</t>
  </si>
  <si>
    <t>1943 WEST</t>
  </si>
  <si>
    <t>GAME LANDS 97</t>
  </si>
  <si>
    <t>725127-04726-2015.gz</t>
  </si>
  <si>
    <t>727475-99999-1997.gz</t>
  </si>
  <si>
    <t>PALMER 2</t>
  </si>
  <si>
    <t>722686-23008-2007.gz</t>
  </si>
  <si>
    <t xml:space="preserve">OTAY#318                 </t>
  </si>
  <si>
    <t>725128-99999-2003.gz</t>
  </si>
  <si>
    <t>RICE TWP</t>
  </si>
  <si>
    <t>NOR-20120705-003</t>
  </si>
  <si>
    <t>WOLF RIDGE</t>
  </si>
  <si>
    <t>S DEL REY AV  KINGSBURG 8</t>
  </si>
  <si>
    <t>FY2002-EMANUEL-040</t>
  </si>
  <si>
    <t>WILLDEN RANCH</t>
  </si>
  <si>
    <t>NORTH PROMONTORY</t>
  </si>
  <si>
    <t>PACK RD5</t>
  </si>
  <si>
    <t>HOSTLER #2</t>
  </si>
  <si>
    <t>NO BUSINESS</t>
  </si>
  <si>
    <t>DRAIN FIRE</t>
  </si>
  <si>
    <t>747188-23158-2008.gz</t>
  </si>
  <si>
    <t>SECTION LINE</t>
  </si>
  <si>
    <t>726904-99999-2002.gz</t>
  </si>
  <si>
    <t>ROAD 85  / HWY 16</t>
  </si>
  <si>
    <t>724828-93241-2010.gz</t>
  </si>
  <si>
    <t>HUNT FIRE</t>
  </si>
  <si>
    <t>SALT CR</t>
  </si>
  <si>
    <t>TIZER FIRE</t>
  </si>
  <si>
    <t xml:space="preserve">MAGELLAN                 </t>
  </si>
  <si>
    <t xml:space="preserve">ROTH                     </t>
  </si>
  <si>
    <t>723900-93226-1999.gz</t>
  </si>
  <si>
    <t xml:space="preserve">MESA                     </t>
  </si>
  <si>
    <t>722904-23196-1996.gz</t>
  </si>
  <si>
    <t>SIERRA GRANDE</t>
  </si>
  <si>
    <t>FALLS CITY #1</t>
  </si>
  <si>
    <t>722312-03908-2012.gz</t>
  </si>
  <si>
    <t xml:space="preserve">CROSS                    </t>
  </si>
  <si>
    <t>MONROE JACOBS</t>
  </si>
  <si>
    <t>723100-13883-2014.gz</t>
  </si>
  <si>
    <t>DUCK 3</t>
  </si>
  <si>
    <t>FRALEY RD</t>
  </si>
  <si>
    <t>IND CYN</t>
  </si>
  <si>
    <t>SRB 2</t>
  </si>
  <si>
    <t>LINDEN - 334</t>
  </si>
  <si>
    <t>SPURLING ROAD</t>
  </si>
  <si>
    <t>153 CAROLINA AVENUE</t>
  </si>
  <si>
    <t>723156-63812-2015.gz</t>
  </si>
  <si>
    <t>MOSQUITO</t>
  </si>
  <si>
    <t>FY2002-EMANUEL-058</t>
  </si>
  <si>
    <t xml:space="preserve">SECOND                   </t>
  </si>
  <si>
    <t>SALT WATER FIRE</t>
  </si>
  <si>
    <t>0268 SUGARLOAF</t>
  </si>
  <si>
    <t>LINDA KELLY</t>
  </si>
  <si>
    <t>SOUTH END</t>
  </si>
  <si>
    <t>GOLD BAR</t>
  </si>
  <si>
    <t>724735-23170-2005.gz</t>
  </si>
  <si>
    <t>FIVE FORKS FIRE</t>
  </si>
  <si>
    <t>FRYS</t>
  </si>
  <si>
    <t>126051-10163-05022015-0000</t>
  </si>
  <si>
    <t>723484-53901-2015.gz</t>
  </si>
  <si>
    <t>L31 CEMENT</t>
  </si>
  <si>
    <t>ECR-20130309-011</t>
  </si>
  <si>
    <t>726225-64776-2015.gz</t>
  </si>
  <si>
    <t xml:space="preserve">ARTHUR                   </t>
  </si>
  <si>
    <t>MCCOLLUM</t>
  </si>
  <si>
    <t>RB-78</t>
  </si>
  <si>
    <t>GOTTA</t>
  </si>
  <si>
    <t>FY2011-BURKE-082</t>
  </si>
  <si>
    <t>722130-13861-2009.gz</t>
  </si>
  <si>
    <t>BLUE CREEK ROAD</t>
  </si>
  <si>
    <t>GREEN HERON DRV.</t>
  </si>
  <si>
    <t>747915-93718-1997.gz</t>
  </si>
  <si>
    <t>TWO TRAILER</t>
  </si>
  <si>
    <t>ALREADY</t>
  </si>
  <si>
    <t>ORSAK FIRE</t>
  </si>
  <si>
    <t>722554-12978-2010.gz</t>
  </si>
  <si>
    <t xml:space="preserve">FAR REACH II FIRE </t>
  </si>
  <si>
    <t>QUAPAWS</t>
  </si>
  <si>
    <t>FY2000-OGLETHORPE-051</t>
  </si>
  <si>
    <t>SWISS HELM</t>
  </si>
  <si>
    <t>GOLDEN V</t>
  </si>
  <si>
    <t>725866-99999-2002.gz</t>
  </si>
  <si>
    <t>BUCKINGHAM</t>
  </si>
  <si>
    <t>722201-03723-2011.gz</t>
  </si>
  <si>
    <t>LAFAYETTE AVE</t>
  </si>
  <si>
    <t>724275-14894-1997.gz</t>
  </si>
  <si>
    <t>RL426</t>
  </si>
  <si>
    <t>725194-99999-2002.gz</t>
  </si>
  <si>
    <t>723086-93741-2001.gz</t>
  </si>
  <si>
    <t>SPRING CREEK</t>
  </si>
  <si>
    <t>3262 OLD JUNCTION RD</t>
  </si>
  <si>
    <t>CR 244</t>
  </si>
  <si>
    <t>NEWELL</t>
  </si>
  <si>
    <t>FY2011-COLQUITT-130</t>
  </si>
  <si>
    <t>FY2001-MCDUFFIE-023</t>
  </si>
  <si>
    <t>724118-99999-1999.gz</t>
  </si>
  <si>
    <t>TOWERS</t>
  </si>
  <si>
    <t>747540-93915-2012.gz</t>
  </si>
  <si>
    <t>DIAMOND</t>
  </si>
  <si>
    <t>727937-99999-2000.gz</t>
  </si>
  <si>
    <t>FIVEOCLOCK</t>
  </si>
  <si>
    <t>WHITTLE ROAD #2 (39)</t>
  </si>
  <si>
    <t>724350-03816-2000.gz</t>
  </si>
  <si>
    <t>JMO</t>
  </si>
  <si>
    <t>CLEAR CRK</t>
  </si>
  <si>
    <t>CALAC</t>
  </si>
  <si>
    <t>DELLE</t>
  </si>
  <si>
    <t>BLUEWATER #2</t>
  </si>
  <si>
    <t>BRIDGE ASSIST</t>
  </si>
  <si>
    <t>WAYLON</t>
  </si>
  <si>
    <t>RICKEY LANE</t>
  </si>
  <si>
    <t>163 BEAVER REBURN 1</t>
  </si>
  <si>
    <t>HUNTINGTON FIRE</t>
  </si>
  <si>
    <t>15-2096 TEXAS LINCOLN OP FIRE</t>
  </si>
  <si>
    <t>NORTH LAKE</t>
  </si>
  <si>
    <t>FY2015-LAURENS-034</t>
  </si>
  <si>
    <t>ROUSE</t>
  </si>
  <si>
    <t>724095-14792-1999.gz</t>
  </si>
  <si>
    <t>DEEPRUN</t>
  </si>
  <si>
    <t>724105-99999-1999.gz</t>
  </si>
  <si>
    <t>FY2011-WARREN-015</t>
  </si>
  <si>
    <t>EBLER</t>
  </si>
  <si>
    <t>724674-99999-1999.gz</t>
  </si>
  <si>
    <t>FY2012-BERRIEN-058</t>
  </si>
  <si>
    <t>722108-99999-1991.gz</t>
  </si>
  <si>
    <t>722050-12815-2000.gz</t>
  </si>
  <si>
    <t>PASTURA</t>
  </si>
  <si>
    <t>LIVINGSTON - 66</t>
  </si>
  <si>
    <t>722319-99999-2002.gz</t>
  </si>
  <si>
    <t>AD3+1</t>
  </si>
  <si>
    <t>FRIANT</t>
  </si>
  <si>
    <t>723020-99999-2008.gz</t>
  </si>
  <si>
    <t>911700-99999-2003.gz</t>
  </si>
  <si>
    <t>LUNA</t>
  </si>
  <si>
    <t>690230-24255-1997.gz</t>
  </si>
  <si>
    <t>RX</t>
  </si>
  <si>
    <t>BAD BOB</t>
  </si>
  <si>
    <t>724645-23070-2002.gz</t>
  </si>
  <si>
    <t>STEER RUN</t>
  </si>
  <si>
    <t>724347-53904-2011.gz</t>
  </si>
  <si>
    <t>LION HOLLO</t>
  </si>
  <si>
    <t xml:space="preserve">COUTOLENC #13            </t>
  </si>
  <si>
    <t>US 175 WEST</t>
  </si>
  <si>
    <t>FARLEY BRANCH</t>
  </si>
  <si>
    <t>GAP/ROUGH CREEK</t>
  </si>
  <si>
    <t>727687-99999-1999.gz</t>
  </si>
  <si>
    <t>722526-12947-2005.gz</t>
  </si>
  <si>
    <t>LOUIE LYONS FIRE</t>
  </si>
  <si>
    <t>CORDELE</t>
  </si>
  <si>
    <t>WOODWARD</t>
  </si>
  <si>
    <t>744653-99999-2005.gz</t>
  </si>
  <si>
    <t>KANDIK RIV</t>
  </si>
  <si>
    <t>723820-23182-2011.gz</t>
  </si>
  <si>
    <t xml:space="preserve">MC GEARY                 </t>
  </si>
  <si>
    <t>724955-99999-1997.gz</t>
  </si>
  <si>
    <t>722091-53940-2009.gz</t>
  </si>
  <si>
    <t>FY2011-LAMAR-017</t>
  </si>
  <si>
    <t>725895-94236-2008.gz</t>
  </si>
  <si>
    <t>FY2011-MARION-062</t>
  </si>
  <si>
    <t>722250-13829-2011.gz</t>
  </si>
  <si>
    <t>GRASS 2011-39</t>
  </si>
  <si>
    <t>PIT BULL ASH</t>
  </si>
  <si>
    <t>723156-63812-2014.gz</t>
  </si>
  <si>
    <t>W 1630 GRASS FIRE</t>
  </si>
  <si>
    <t>MALTROD 04</t>
  </si>
  <si>
    <t>727452-99999-2004.gz</t>
  </si>
  <si>
    <t>726797-24132-2006.gz</t>
  </si>
  <si>
    <t>725646-99999-2003.gz</t>
  </si>
  <si>
    <t>CAT</t>
  </si>
  <si>
    <t>726987-99999-2003.gz</t>
  </si>
  <si>
    <t>TJEESMA TRAVIS</t>
  </si>
  <si>
    <t>MCPEEK</t>
  </si>
  <si>
    <t xml:space="preserve">ACKERMAN                 </t>
  </si>
  <si>
    <t>E SANDY MUSH RD / BLISS R</t>
  </si>
  <si>
    <t>FY2011-MCINTOSH-067</t>
  </si>
  <si>
    <t>727456-99999-1996.gz</t>
  </si>
  <si>
    <t xml:space="preserve">BIDEGAIN                 </t>
  </si>
  <si>
    <t>722113-53979-2012.gz</t>
  </si>
  <si>
    <t>UNDERWOOD</t>
  </si>
  <si>
    <t>FY2002-EARLY-066</t>
  </si>
  <si>
    <t>MATHIS BRANCH</t>
  </si>
  <si>
    <t>720674-00249-2012.gz</t>
  </si>
  <si>
    <t>CAT TAIL</t>
  </si>
  <si>
    <t>BIB FIRE</t>
  </si>
  <si>
    <t>STUMP</t>
  </si>
  <si>
    <t>KRILEY</t>
  </si>
  <si>
    <t>FOUR LAKES</t>
  </si>
  <si>
    <t>CAMSLOO</t>
  </si>
  <si>
    <t>FY2001-COLQUITT-061</t>
  </si>
  <si>
    <t>FY2002-PICKENS-009</t>
  </si>
  <si>
    <t>WF-55 BRINKHOFF RD # 9</t>
  </si>
  <si>
    <t>722212-92814-2011.gz</t>
  </si>
  <si>
    <t>724343-99999-2000.gz</t>
  </si>
  <si>
    <t xml:space="preserve">QUAIL RUN                </t>
  </si>
  <si>
    <t>MCKENNA SPRING</t>
  </si>
  <si>
    <t>SQUAW CREEK</t>
  </si>
  <si>
    <t>726227-94790-2006.gz</t>
  </si>
  <si>
    <t>SHOEMAKE9</t>
  </si>
  <si>
    <t>725945-24283-2004.gz</t>
  </si>
  <si>
    <t>FM 455 FIRE</t>
  </si>
  <si>
    <t>722541-53914-2014.gz</t>
  </si>
  <si>
    <t>5051 STINSON RD.</t>
  </si>
  <si>
    <t>725866-94178-2012.gz</t>
  </si>
  <si>
    <t>727477-99999-1995.gz</t>
  </si>
  <si>
    <t>744652-53897-2008.gz</t>
  </si>
  <si>
    <t>FLYTRAP-ORTON</t>
  </si>
  <si>
    <t>747186-03164-2013.gz</t>
  </si>
  <si>
    <t>LOCUST</t>
  </si>
  <si>
    <t>723783-03195-2015.gz</t>
  </si>
  <si>
    <t>994420-99999-1997.gz</t>
  </si>
  <si>
    <t>TWISTED GUN GAP</t>
  </si>
  <si>
    <t>A00021</t>
  </si>
  <si>
    <t>STONE CHURCH ROAD</t>
  </si>
  <si>
    <t>725207-54735-2013.gz</t>
  </si>
  <si>
    <t>ORANGE</t>
  </si>
  <si>
    <t>720398-99999-2011.gz</t>
  </si>
  <si>
    <t>FY2002-TALIAFERRO-006</t>
  </si>
  <si>
    <t xml:space="preserve">VANCE                    </t>
  </si>
  <si>
    <t>ADDIE</t>
  </si>
  <si>
    <t>DISH PAN</t>
  </si>
  <si>
    <t>725866-99999-2001.gz</t>
  </si>
  <si>
    <t>SPIDER</t>
  </si>
  <si>
    <t>725868-99999-2003.gz</t>
  </si>
  <si>
    <t xml:space="preserve">PEAK                     </t>
  </si>
  <si>
    <t>W87C</t>
  </si>
  <si>
    <t>720172-53996-2011.gz</t>
  </si>
  <si>
    <t>726625-24006-2009.gz</t>
  </si>
  <si>
    <t>OUTLAW FIRE</t>
  </si>
  <si>
    <t>HUFF RD WHEAT FIRE</t>
  </si>
  <si>
    <t>MITCHEL</t>
  </si>
  <si>
    <t>725454-04903-2012.gz</t>
  </si>
  <si>
    <t>PR 1112</t>
  </si>
  <si>
    <t>720320-53981-2012.gz</t>
  </si>
  <si>
    <t>ROCKPACKER</t>
  </si>
  <si>
    <t>726467-99999-2001.gz</t>
  </si>
  <si>
    <t>722499-99999-1994.gz</t>
  </si>
  <si>
    <t xml:space="preserve">LIGHT #81                </t>
  </si>
  <si>
    <t>725955-24259-2004.gz</t>
  </si>
  <si>
    <t>HUFFER FIRE</t>
  </si>
  <si>
    <t>ELSIE HOLLOW</t>
  </si>
  <si>
    <t>702006-99999-2005.gz</t>
  </si>
  <si>
    <t>723566-93950-2003.gz</t>
  </si>
  <si>
    <t>THUNDER ROAD FIRE</t>
  </si>
  <si>
    <t>723170-13723-2006.gz</t>
  </si>
  <si>
    <t>MS0    0808-1130102001</t>
  </si>
  <si>
    <t>726560-99999-1999.gz</t>
  </si>
  <si>
    <t>725086-54734-2007.gz</t>
  </si>
  <si>
    <t>FY2013-PULASKI-028</t>
  </si>
  <si>
    <t>SHERRILL'S</t>
  </si>
  <si>
    <t>SPORTSMAN</t>
  </si>
  <si>
    <t>BAXTER RD</t>
  </si>
  <si>
    <t>725705-99999-2001.gz</t>
  </si>
  <si>
    <t xml:space="preserve">STATE 797                </t>
  </si>
  <si>
    <t>727456-99999-1995.gz</t>
  </si>
  <si>
    <t>MARTY ACTON FIRE</t>
  </si>
  <si>
    <t>GOINGS</t>
  </si>
  <si>
    <t>HAYWOOD</t>
  </si>
  <si>
    <t>DUMPGROUND</t>
  </si>
  <si>
    <t>725025-94741-1999.gz</t>
  </si>
  <si>
    <t>746925-03741-2007.gz</t>
  </si>
  <si>
    <t>380 WEST 08-06-2013</t>
  </si>
  <si>
    <t>720305-53964-2013.gz</t>
  </si>
  <si>
    <t>FY2015-PIERCE-013</t>
  </si>
  <si>
    <t>SWR-20140528-001</t>
  </si>
  <si>
    <t xml:space="preserve">GRANT                    </t>
  </si>
  <si>
    <t>722213-12819-2008.gz</t>
  </si>
  <si>
    <t>WORK TEAM</t>
  </si>
  <si>
    <t>724988-94704-2012.gz</t>
  </si>
  <si>
    <t>CR 438 GRASS FIRE</t>
  </si>
  <si>
    <t>HAILEY FIRE</t>
  </si>
  <si>
    <t>725145-99999-2003.gz</t>
  </si>
  <si>
    <t>PINE LAKE</t>
  </si>
  <si>
    <t>LEE GULCH</t>
  </si>
  <si>
    <t>T9O SPYLYI</t>
  </si>
  <si>
    <t>KENW</t>
  </si>
  <si>
    <t>722686-23008-2009.gz</t>
  </si>
  <si>
    <t>FY2002-WORTH-031</t>
  </si>
  <si>
    <t>CR 4608</t>
  </si>
  <si>
    <t>MP23HWY95</t>
  </si>
  <si>
    <t>726813-99999-2001.gz</t>
  </si>
  <si>
    <t>FM 608/1170</t>
  </si>
  <si>
    <t>722192-23033-2014.gz</t>
  </si>
  <si>
    <t>LIVINGSTON - 444</t>
  </si>
  <si>
    <t>722429-53910-2010.gz</t>
  </si>
  <si>
    <t>PENWOOD BRANCH</t>
  </si>
  <si>
    <t>SUGARBOWL</t>
  </si>
  <si>
    <t>722484-53905-2004.gz</t>
  </si>
  <si>
    <t xml:space="preserve">DEL PUERTO               </t>
  </si>
  <si>
    <t>724946-99999-1999.gz</t>
  </si>
  <si>
    <t>TA1707</t>
  </si>
  <si>
    <t>KEY</t>
  </si>
  <si>
    <t xml:space="preserve">WOODS </t>
  </si>
  <si>
    <t>MOENKOPI SPRING</t>
  </si>
  <si>
    <t>723783-03195-2011.gz</t>
  </si>
  <si>
    <t>HELENDE</t>
  </si>
  <si>
    <t>726810-24131-2005.gz</t>
  </si>
  <si>
    <t>DAVIS TROUT</t>
  </si>
  <si>
    <t>726886-24130-2011.gz</t>
  </si>
  <si>
    <t>722589-03991-2007.gz</t>
  </si>
  <si>
    <t>745985-63806-2012.gz</t>
  </si>
  <si>
    <t>WAYLETT</t>
  </si>
  <si>
    <t>725786-24151-1998.gz</t>
  </si>
  <si>
    <t>BEAR IS 1</t>
  </si>
  <si>
    <t>MORNING</t>
  </si>
  <si>
    <t>HIGHWAY 476</t>
  </si>
  <si>
    <t>PARSON</t>
  </si>
  <si>
    <t>726040-99999-2003.gz</t>
  </si>
  <si>
    <t>JACKSON RUN</t>
  </si>
  <si>
    <t>725235-04720-2013.gz</t>
  </si>
  <si>
    <t>NOR-20140326-001</t>
  </si>
  <si>
    <t>724935-99999-1996.gz</t>
  </si>
  <si>
    <t>EAST 80</t>
  </si>
  <si>
    <t>NICKAJACK</t>
  </si>
  <si>
    <t>HIGHWAY 20</t>
  </si>
  <si>
    <t xml:space="preserve">LIGHTNING 60             </t>
  </si>
  <si>
    <t>UNCLE TOM</t>
  </si>
  <si>
    <t>725847-99999-1998.gz</t>
  </si>
  <si>
    <t>GRASSBAY1E</t>
  </si>
  <si>
    <t>ANDY JAMES &amp; MJ RD.</t>
  </si>
  <si>
    <t>747360-93042-2009.gz</t>
  </si>
  <si>
    <t>TIO LANE</t>
  </si>
  <si>
    <t>726813-99999-1997.gz</t>
  </si>
  <si>
    <t>HOKANSON RD</t>
  </si>
  <si>
    <t>CONFETTI</t>
  </si>
  <si>
    <t>747320-23002-2013.gz</t>
  </si>
  <si>
    <t>GOPHERFIRE</t>
  </si>
  <si>
    <t>FY2003-CHARLTON-009</t>
  </si>
  <si>
    <t>FEILD</t>
  </si>
  <si>
    <t>AFRAIDHAWK</t>
  </si>
  <si>
    <t>CENTER GRADE (60)</t>
  </si>
  <si>
    <t>723013-13748-1994.gz</t>
  </si>
  <si>
    <t>RD. SIDE FIRE HWY 16 &amp; 337</t>
  </si>
  <si>
    <t>725156-14748-2010.gz</t>
  </si>
  <si>
    <t>TSAILEPEAK</t>
  </si>
  <si>
    <t>FLASHFIRE</t>
  </si>
  <si>
    <t>T SMITH</t>
  </si>
  <si>
    <t xml:space="preserve">HIGHWAY 156 #2           </t>
  </si>
  <si>
    <t>WHTEBUF</t>
  </si>
  <si>
    <t>LAKE BRYANT 14(42)</t>
  </si>
  <si>
    <t>FOURMILE BRANCH</t>
  </si>
  <si>
    <t>726463-14897-2009.gz</t>
  </si>
  <si>
    <t>DAVID KALLUS</t>
  </si>
  <si>
    <t>725165-99999-2004.gz</t>
  </si>
  <si>
    <t>HOGBACK</t>
  </si>
  <si>
    <t>SANDY CREEK  (55)</t>
  </si>
  <si>
    <t>SHOOTING</t>
  </si>
  <si>
    <t>MS0    0909-4200207021</t>
  </si>
  <si>
    <t>CHALMERS ROAD 2ND TIME FIRE</t>
  </si>
  <si>
    <t>SCHAOL DAIRY</t>
  </si>
  <si>
    <t>FY2003-BARTOW-002</t>
  </si>
  <si>
    <t>BAHA SPRINGS #2</t>
  </si>
  <si>
    <t>723747-03101-2010.gz</t>
  </si>
  <si>
    <t>720582-99999-2010.gz</t>
  </si>
  <si>
    <t>IRON CREEK</t>
  </si>
  <si>
    <t>76 days 00:00:00.000000000</t>
  </si>
  <si>
    <t>725760-24021-2001.gz</t>
  </si>
  <si>
    <t>722050-12815-2003.gz</t>
  </si>
  <si>
    <t>SAUCKE FIRE</t>
  </si>
  <si>
    <t>725037-94745-2000.gz</t>
  </si>
  <si>
    <t>TEAM</t>
  </si>
  <si>
    <t>723400-99999-1999.gz</t>
  </si>
  <si>
    <t>MS0    0909-4240131016</t>
  </si>
  <si>
    <t>747685-93874-2009.gz</t>
  </si>
  <si>
    <t>725524-94958-2011.gz</t>
  </si>
  <si>
    <t>675 CO RD 655, AL</t>
  </si>
  <si>
    <t>STOCKTON 6</t>
  </si>
  <si>
    <t>SHAWS POND</t>
  </si>
  <si>
    <t>PRAIRIE DOG</t>
  </si>
  <si>
    <t>726654-94054-2009.gz</t>
  </si>
  <si>
    <t>ARENA</t>
  </si>
  <si>
    <t xml:space="preserve">ALPINE                   </t>
  </si>
  <si>
    <t>VALLEY WY ONRP  / HY 60</t>
  </si>
  <si>
    <t>722869-03171-2012.gz</t>
  </si>
  <si>
    <t>743946-99999-2004.gz</t>
  </si>
  <si>
    <t>MURDOCK</t>
  </si>
  <si>
    <t>CHLOYA LAKE</t>
  </si>
  <si>
    <t>701940-26413-2006.gz</t>
  </si>
  <si>
    <t>NER-20120707-002</t>
  </si>
  <si>
    <t>TWO SPRING</t>
  </si>
  <si>
    <t>YUCCA</t>
  </si>
  <si>
    <t>690150-93121-1999.gz</t>
  </si>
  <si>
    <t>RENDLEMAN</t>
  </si>
  <si>
    <t>TERRACE AVENUE</t>
  </si>
  <si>
    <t>724170-13729-2002.gz</t>
  </si>
  <si>
    <t>FY2011-WILKES-015</t>
  </si>
  <si>
    <t>RIPPLING</t>
  </si>
  <si>
    <t>D.BINDER</t>
  </si>
  <si>
    <t>FY2015-CHARLTON-031</t>
  </si>
  <si>
    <t>722130-13861-2015.gz</t>
  </si>
  <si>
    <t>237 C.R. 160-1</t>
  </si>
  <si>
    <t>LEFTHAND</t>
  </si>
  <si>
    <t>PARK BYRD II (53)</t>
  </si>
  <si>
    <t>CAIN</t>
  </si>
  <si>
    <t>ELVIS</t>
  </si>
  <si>
    <t>723564-53908-2007.gz</t>
  </si>
  <si>
    <t>722500-12919-2002.gz</t>
  </si>
  <si>
    <t>STODDARD 6</t>
  </si>
  <si>
    <t>FY2000-LAURENS-107</t>
  </si>
  <si>
    <t>FY2001-MURRAY-024</t>
  </si>
  <si>
    <t>745985-63806-2010.gz</t>
  </si>
  <si>
    <t>MS0    0909-4230227001</t>
  </si>
  <si>
    <t>FY2001-GREENE-011</t>
  </si>
  <si>
    <t>723417-93988-2013.gz</t>
  </si>
  <si>
    <t>SANDHILLS #1</t>
  </si>
  <si>
    <t>TXDOT1</t>
  </si>
  <si>
    <t>CEDER CREEK FIRE</t>
  </si>
  <si>
    <t>723035-93740-2009.gz</t>
  </si>
  <si>
    <t>BUFFALO RIVER</t>
  </si>
  <si>
    <t>722129-04939-2010.gz</t>
  </si>
  <si>
    <t>FY2013-APPLING-025</t>
  </si>
  <si>
    <t>GUM SWAMP</t>
  </si>
  <si>
    <t>0318141 GRASS FIRE</t>
  </si>
  <si>
    <t>FOOTBALL FRIDAY</t>
  </si>
  <si>
    <t>SULPHER</t>
  </si>
  <si>
    <t>FY2013-CAMDEN-006</t>
  </si>
  <si>
    <t>FY2001-GRADY-039</t>
  </si>
  <si>
    <t>TENNANT</t>
  </si>
  <si>
    <t>722897-93206-2010.gz</t>
  </si>
  <si>
    <t>NEW TRUCK</t>
  </si>
  <si>
    <t>FY2011-MITCHELL-033</t>
  </si>
  <si>
    <t>WORRELLS FIRE</t>
  </si>
  <si>
    <t>CROWSNEST</t>
  </si>
  <si>
    <t>722340-13865-1991.gz</t>
  </si>
  <si>
    <t>FY2014-HABERSHAM-004</t>
  </si>
  <si>
    <t>997694-99999-2014.gz</t>
  </si>
  <si>
    <t>HIGHWAY 60</t>
  </si>
  <si>
    <t>723600-23051-2000.gz</t>
  </si>
  <si>
    <t>ALPINE</t>
  </si>
  <si>
    <t>722907-53143-2012.gz</t>
  </si>
  <si>
    <t>SADDLEWOOD (53)</t>
  </si>
  <si>
    <t>BLOODWORTH</t>
  </si>
  <si>
    <t>725512-14989-2008.gz</t>
  </si>
  <si>
    <t>WV RT. 152</t>
  </si>
  <si>
    <t>EVANS</t>
  </si>
  <si>
    <t>720561-00467-2014.gz</t>
  </si>
  <si>
    <t>14-0020</t>
  </si>
  <si>
    <t>WAHOO WAY (40)</t>
  </si>
  <si>
    <t>692704-99999-1997.gz</t>
  </si>
  <si>
    <t>CAVNER</t>
  </si>
  <si>
    <t>FLAX RD</t>
  </si>
  <si>
    <t>720379-63882-2010.gz</t>
  </si>
  <si>
    <t>MARINE</t>
  </si>
  <si>
    <t>BRILEY # 3</t>
  </si>
  <si>
    <t>726547-99999-2004.gz</t>
  </si>
  <si>
    <t>727926-99999-1996.gz</t>
  </si>
  <si>
    <t>RUBY HILL</t>
  </si>
  <si>
    <t>723117-53871-2011.gz</t>
  </si>
  <si>
    <t>PACKRAT</t>
  </si>
  <si>
    <t>HWY 167 &amp; CO RD 154, AL</t>
  </si>
  <si>
    <t>FY2000-BACON-060</t>
  </si>
  <si>
    <t>ROCK PILE</t>
  </si>
  <si>
    <t>CR 3185</t>
  </si>
  <si>
    <t>LEAVEW</t>
  </si>
  <si>
    <t>727457-99999-1998.gz</t>
  </si>
  <si>
    <t>14-0451</t>
  </si>
  <si>
    <t>WIREFENCE ASISST</t>
  </si>
  <si>
    <t>PADDYCREEK</t>
  </si>
  <si>
    <t>FY2002-GRADY-008</t>
  </si>
  <si>
    <t>720287-53967-2007.gz</t>
  </si>
  <si>
    <t>724118-93797-2007.gz</t>
  </si>
  <si>
    <t>TIMBERLAKE #1</t>
  </si>
  <si>
    <t>297 FM 1681</t>
  </si>
  <si>
    <t>HURRICANE LANDING</t>
  </si>
  <si>
    <t>TYNER POND RD FIRE</t>
  </si>
  <si>
    <t>PERSIMMON 2 (40)</t>
  </si>
  <si>
    <t>COX ROAD</t>
  </si>
  <si>
    <t>746925-03741-2008.gz</t>
  </si>
  <si>
    <t>MS0    1010-5571228005</t>
  </si>
  <si>
    <t>HORSE HIGHWAY</t>
  </si>
  <si>
    <t>GRAHAM BRANCH</t>
  </si>
  <si>
    <t>HONEY CORNER</t>
  </si>
  <si>
    <t>BIRCH RUN</t>
  </si>
  <si>
    <t>METTACAHONTS RD FIRE</t>
  </si>
  <si>
    <t>720271-03044-2012.gz</t>
  </si>
  <si>
    <t>724400-13995-2000.gz</t>
  </si>
  <si>
    <t>723755-03103-2000.gz</t>
  </si>
  <si>
    <t>702315-99999-2002.gz</t>
  </si>
  <si>
    <t>FY2002-WASHINGTON-059</t>
  </si>
  <si>
    <t>747750-13846-1994.gz</t>
  </si>
  <si>
    <t xml:space="preserve">RANCH 2                  </t>
  </si>
  <si>
    <t>BORDERLINE</t>
  </si>
  <si>
    <t>WOODVILLE - 9145</t>
  </si>
  <si>
    <t>720926-00313-2012.gz</t>
  </si>
  <si>
    <t>N 4TH ST /E CENTRE ST</t>
  </si>
  <si>
    <t>RUDIO MOUNTAIN</t>
  </si>
  <si>
    <t>726876-99999-2004.gz</t>
  </si>
  <si>
    <t>NOR-20150131-004</t>
  </si>
  <si>
    <t>NEVIL</t>
  </si>
  <si>
    <t>FY2002-BURKE-091</t>
  </si>
  <si>
    <t>725621-94063-2007.gz</t>
  </si>
  <si>
    <t>701745-26480-2013.gz</t>
  </si>
  <si>
    <t>NER-20150207-006</t>
  </si>
  <si>
    <t>ROBIN</t>
  </si>
  <si>
    <t>723663-99999-1996.gz</t>
  </si>
  <si>
    <t>722060-13889-2005.gz</t>
  </si>
  <si>
    <t>724988-94704-2007.gz</t>
  </si>
  <si>
    <t>WHICH WAY</t>
  </si>
  <si>
    <t>724385-99999-2004.gz</t>
  </si>
  <si>
    <t>BLACK BUTTE</t>
  </si>
  <si>
    <t>726797-24132-1994.gz</t>
  </si>
  <si>
    <t>720320-53981-2007.gz</t>
  </si>
  <si>
    <t>RENO RD</t>
  </si>
  <si>
    <t xml:space="preserve">STABILUS                 </t>
  </si>
  <si>
    <t>11-21500</t>
  </si>
  <si>
    <t>M. CRIST FIRE</t>
  </si>
  <si>
    <t xml:space="preserve">8FKU041183               </t>
  </si>
  <si>
    <t>MINE (27)</t>
  </si>
  <si>
    <t>722014-12818-2012.gz</t>
  </si>
  <si>
    <t>723030-13714-2008.gz</t>
  </si>
  <si>
    <t>STUMPS</t>
  </si>
  <si>
    <t>NER-20130316-016</t>
  </si>
  <si>
    <t>722285-03896-2013.gz</t>
  </si>
  <si>
    <t>DOE HILL</t>
  </si>
  <si>
    <t>724105-99999-1997.gz</t>
  </si>
  <si>
    <t>FY2000-MILLER-075</t>
  </si>
  <si>
    <t>22326 F.M. 2084</t>
  </si>
  <si>
    <t>TATE RD</t>
  </si>
  <si>
    <t>REZEK 2012-02</t>
  </si>
  <si>
    <t>TH0613</t>
  </si>
  <si>
    <t xml:space="preserve">HIGHWAY 19               </t>
  </si>
  <si>
    <t>GREEN</t>
  </si>
  <si>
    <t xml:space="preserve">BUCK                     </t>
  </si>
  <si>
    <t>SHEEP MTN</t>
  </si>
  <si>
    <t>724620-23061-2006.gz</t>
  </si>
  <si>
    <t>HWY 29 (14-0049)</t>
  </si>
  <si>
    <t>722542-03999-2014.gz</t>
  </si>
  <si>
    <t>FY2015-TROUP-001</t>
  </si>
  <si>
    <t>NE 134TH TERR(38)</t>
  </si>
  <si>
    <t>724756-23159-1992.gz</t>
  </si>
  <si>
    <t>PLACITAS</t>
  </si>
  <si>
    <t>723647-99999-2005.gz</t>
  </si>
  <si>
    <t>FY2002-MILLER-011</t>
  </si>
  <si>
    <t>720172-53996-2014.gz</t>
  </si>
  <si>
    <t>IRON</t>
  </si>
  <si>
    <t>725784-99999-2002.gz</t>
  </si>
  <si>
    <t>725895-94236-2013.gz</t>
  </si>
  <si>
    <t>FY2012-COOK-048</t>
  </si>
  <si>
    <t>722020-12839-2002.gz</t>
  </si>
  <si>
    <t>725468-04910-2012.gz</t>
  </si>
  <si>
    <t xml:space="preserve">CANAL                    </t>
  </si>
  <si>
    <t>CLEAR LAKE CHILDREN</t>
  </si>
  <si>
    <t>MS0    0909-4240127004</t>
  </si>
  <si>
    <t>27/WEEPING WILLOW/0446</t>
  </si>
  <si>
    <t>722014-12818-2011.gz</t>
  </si>
  <si>
    <t xml:space="preserve">TRACY BLVD               </t>
  </si>
  <si>
    <t>MILLER FIRE MERKEL</t>
  </si>
  <si>
    <t>722888-99999-1992.gz</t>
  </si>
  <si>
    <t>GRAIN BIN</t>
  </si>
  <si>
    <t>LAKE NAHWATZEL FIRE</t>
  </si>
  <si>
    <t>727925-94227-2008.gz</t>
  </si>
  <si>
    <t>HOLLOW ROAD</t>
  </si>
  <si>
    <t>724066-93706-2015.gz</t>
  </si>
  <si>
    <t>DRAKE</t>
  </si>
  <si>
    <t>GRANDVIEW2</t>
  </si>
  <si>
    <t>725869-94186-1995.gz</t>
  </si>
  <si>
    <t>2009-44</t>
  </si>
  <si>
    <t>HAGERMAN</t>
  </si>
  <si>
    <t>724925-23240-1994.gz</t>
  </si>
  <si>
    <t>ADIOS BILL</t>
  </si>
  <si>
    <t>724127-99999-1999.gz</t>
  </si>
  <si>
    <t>726577-99999-1994.gz</t>
  </si>
  <si>
    <t>747580-13978-2014.gz</t>
  </si>
  <si>
    <t>HARTMEN</t>
  </si>
  <si>
    <t>PAINT FORK</t>
  </si>
  <si>
    <t>RODEOGRNDS</t>
  </si>
  <si>
    <t>722183-04972-2010.gz</t>
  </si>
  <si>
    <t>727514-54910-2014.gz</t>
  </si>
  <si>
    <t>P   J MAP FIRE</t>
  </si>
  <si>
    <t>RIVERWOOD</t>
  </si>
  <si>
    <t>SCHURZ</t>
  </si>
  <si>
    <t>724885-93102-2000.gz</t>
  </si>
  <si>
    <t>HICKORY RIDGE DR</t>
  </si>
  <si>
    <t>THICKETT</t>
  </si>
  <si>
    <t>726810-24131-1992.gz</t>
  </si>
  <si>
    <t>BROOKLYN</t>
  </si>
  <si>
    <t>CR 2348 TREE FIRE II</t>
  </si>
  <si>
    <t>722029-12888-2008.gz</t>
  </si>
  <si>
    <t>744104-14763-2010.gz</t>
  </si>
  <si>
    <t>CHARITY FIRE</t>
  </si>
  <si>
    <t>WILLOW CRK</t>
  </si>
  <si>
    <t>4THOFJULY</t>
  </si>
  <si>
    <t>WOODCHUCK</t>
  </si>
  <si>
    <t>PROCTOR</t>
  </si>
  <si>
    <t>1769+2652</t>
  </si>
  <si>
    <t>F2001500361.0</t>
  </si>
  <si>
    <t>HURLEY</t>
  </si>
  <si>
    <t>GENTIAN</t>
  </si>
  <si>
    <t>58 days 00:00:00.000000000</t>
  </si>
  <si>
    <t>10674 CR 488 D</t>
  </si>
  <si>
    <t>722470-03901-2010.gz</t>
  </si>
  <si>
    <t>723449-53954-2012.gz</t>
  </si>
  <si>
    <t>TIM COX</t>
  </si>
  <si>
    <t>RL 302</t>
  </si>
  <si>
    <t>BIRTHDAY FIRE</t>
  </si>
  <si>
    <t xml:space="preserve">SHELL                    </t>
  </si>
  <si>
    <t>TOM LAFEVER</t>
  </si>
  <si>
    <t>UNIT 6 STRIKE FIRE #2</t>
  </si>
  <si>
    <t>BOONE</t>
  </si>
  <si>
    <t>PELICAN (38)</t>
  </si>
  <si>
    <t>SUNNY</t>
  </si>
  <si>
    <t>720734-00264-2014.gz</t>
  </si>
  <si>
    <t>724017-99999-1998.gz</t>
  </si>
  <si>
    <t>725424-99999-2001.gz</t>
  </si>
  <si>
    <t>726547-04931-2007.gz</t>
  </si>
  <si>
    <t>720322-04129-2008.gz</t>
  </si>
  <si>
    <t>SALAZAR</t>
  </si>
  <si>
    <t>BOWENS CHURCH</t>
  </si>
  <si>
    <t>REDWING</t>
  </si>
  <si>
    <t>NORTH HAMLIN FIRE</t>
  </si>
  <si>
    <t>OCTOBERFEST TRAIL</t>
  </si>
  <si>
    <t>SPY ROCK #2</t>
  </si>
  <si>
    <t>725029-64707-2009.gz</t>
  </si>
  <si>
    <t>FY2000-HALL-046</t>
  </si>
  <si>
    <t>THREE MILE</t>
  </si>
  <si>
    <t>723145-03810-2006.gz</t>
  </si>
  <si>
    <t>723104-99999-2000.gz</t>
  </si>
  <si>
    <t>STONEHOUSE</t>
  </si>
  <si>
    <t>171 FELIX</t>
  </si>
  <si>
    <t>QUEENCREEK</t>
  </si>
  <si>
    <t>724084-54760-2008.gz</t>
  </si>
  <si>
    <t>WELANNEE BLVD. (46)</t>
  </si>
  <si>
    <t>722246-03844-2015.gz</t>
  </si>
  <si>
    <t>DARK BRANCH</t>
  </si>
  <si>
    <t>723439-99999-2002.gz</t>
  </si>
  <si>
    <t>MODOC ROAD</t>
  </si>
  <si>
    <t>WALL STREET`</t>
  </si>
  <si>
    <t xml:space="preserve">HIGH SCHOOL              </t>
  </si>
  <si>
    <t>745056-99999-2001.gz</t>
  </si>
  <si>
    <t>MS0    0808-4230323007</t>
  </si>
  <si>
    <t>BAUCOM LAKE FIRE</t>
  </si>
  <si>
    <t>BIDWELL</t>
  </si>
  <si>
    <t>725976-99999-1997.gz</t>
  </si>
  <si>
    <t>VEST #5</t>
  </si>
  <si>
    <t>MOKI</t>
  </si>
  <si>
    <t>722201-03723-2009.gz</t>
  </si>
  <si>
    <t>CEDAR POINT</t>
  </si>
  <si>
    <t>BATTERY FIRE</t>
  </si>
  <si>
    <t>747688-53858-2015.gz</t>
  </si>
  <si>
    <t>MS0    0909-4300613005</t>
  </si>
  <si>
    <t>HARE RD COMMAND</t>
  </si>
  <si>
    <t>GLOWING</t>
  </si>
  <si>
    <t>LAREDO FIRE</t>
  </si>
  <si>
    <t>725235-04720-2008.gz</t>
  </si>
  <si>
    <t>FY2000-FLOYD-063</t>
  </si>
  <si>
    <t>724105-93760-2008.gz</t>
  </si>
  <si>
    <t>1844 REEH RD</t>
  </si>
  <si>
    <t>MP.18.52</t>
  </si>
  <si>
    <t>012-256</t>
  </si>
  <si>
    <t>720299-53966-2012.gz</t>
  </si>
  <si>
    <t>725146-54773-2010.gz</t>
  </si>
  <si>
    <t>KEARNEY (11)</t>
  </si>
  <si>
    <t>722038-12897-2013.gz</t>
  </si>
  <si>
    <t>JOHN KENJURA</t>
  </si>
  <si>
    <t>723761-23901-2015.gz</t>
  </si>
  <si>
    <t>HWY.377</t>
  </si>
  <si>
    <t>994085-99999-2008.gz</t>
  </si>
  <si>
    <t>GOSSEN</t>
  </si>
  <si>
    <t>720356-13999-2008.gz</t>
  </si>
  <si>
    <t>MCKINNEY GULCH</t>
  </si>
  <si>
    <t>724620-23061-2002.gz</t>
  </si>
  <si>
    <t>WILDLIFE LOOP</t>
  </si>
  <si>
    <t>726170-14742-2006.gz</t>
  </si>
  <si>
    <t>FIRST WAT</t>
  </si>
  <si>
    <t>724457-99999-2002.gz</t>
  </si>
  <si>
    <t>CITIZEN</t>
  </si>
  <si>
    <t>723647-03034-2013.gz</t>
  </si>
  <si>
    <t>RED LAKE 223</t>
  </si>
  <si>
    <t>ANOTHER HILLINGTON</t>
  </si>
  <si>
    <t>UPPER RIDGE</t>
  </si>
  <si>
    <t>720304-64752-2014.gz</t>
  </si>
  <si>
    <t xml:space="preserve">RIDGEVIEW                </t>
  </si>
  <si>
    <t>CR 122    077</t>
  </si>
  <si>
    <t>FY2000-COLQUITT-061</t>
  </si>
  <si>
    <t>NABOURS</t>
  </si>
  <si>
    <t>HANCOCK</t>
  </si>
  <si>
    <t>GUNNER ROAD</t>
  </si>
  <si>
    <t>CALIMESA</t>
  </si>
  <si>
    <t>722866-99999-2013.gz</t>
  </si>
  <si>
    <t>DUGOUT</t>
  </si>
  <si>
    <t xml:space="preserve">PLANT                    </t>
  </si>
  <si>
    <t>723405-03930-2013.gz</t>
  </si>
  <si>
    <t>FY2002-MERIWETHER-036</t>
  </si>
  <si>
    <t>FALL CREEK</t>
  </si>
  <si>
    <t>725140-14778-2012.gz</t>
  </si>
  <si>
    <t>725187-94733-2007.gz</t>
  </si>
  <si>
    <t>BEAR DEN</t>
  </si>
  <si>
    <t>RL495</t>
  </si>
  <si>
    <t>WALTZ MAYNOR FIRE</t>
  </si>
  <si>
    <t>64 HWY</t>
  </si>
  <si>
    <t>725566-04957-2009.gz</t>
  </si>
  <si>
    <t>DOF207-160</t>
  </si>
  <si>
    <t>724094-99999-1993.gz</t>
  </si>
  <si>
    <t>BUCKET MOUND</t>
  </si>
  <si>
    <t>726399-99999-1998.gz</t>
  </si>
  <si>
    <t xml:space="preserve">LOCONOMI                 </t>
  </si>
  <si>
    <t xml:space="preserve">SUNFLOWER </t>
  </si>
  <si>
    <t>722730-03124-2015.gz</t>
  </si>
  <si>
    <t>SUNNYSLOPE</t>
  </si>
  <si>
    <t>BAMBOO</t>
  </si>
  <si>
    <t>PETAN</t>
  </si>
  <si>
    <t>MS0    1010-4461010004</t>
  </si>
  <si>
    <t>NOTCHI GADUSI</t>
  </si>
  <si>
    <t>SE81</t>
  </si>
  <si>
    <t>MIDDLE BEALL</t>
  </si>
  <si>
    <t>DEVIL ONE</t>
  </si>
  <si>
    <t>53 DAUGHTERY MARSH</t>
  </si>
  <si>
    <t>727870-99999-2007.gz</t>
  </si>
  <si>
    <t>119 SMALLWOOD COURT</t>
  </si>
  <si>
    <t>HADSELL</t>
  </si>
  <si>
    <t>TRAPP</t>
  </si>
  <si>
    <t>ROPER</t>
  </si>
  <si>
    <t>727675-94011-1993.gz</t>
  </si>
  <si>
    <t>(GL) TIM RAINS (297)</t>
  </si>
  <si>
    <t>CROUCH</t>
  </si>
  <si>
    <t>LIVINGSTON - 8078</t>
  </si>
  <si>
    <t>722447-53903-2012.gz</t>
  </si>
  <si>
    <t>SILVERSPOON ROAD</t>
  </si>
  <si>
    <t>722051-53932-2015.gz</t>
  </si>
  <si>
    <t>BRICK HOUSE</t>
  </si>
  <si>
    <t>FY2011-WASHINGTON-054</t>
  </si>
  <si>
    <t>ONION (48)</t>
  </si>
  <si>
    <t>WAYNE</t>
  </si>
  <si>
    <t>MM 174</t>
  </si>
  <si>
    <t>726816-04110-2009.gz</t>
  </si>
  <si>
    <t>BUCKHORN FIRE</t>
  </si>
  <si>
    <t>ADAIR 1</t>
  </si>
  <si>
    <t>BUCKWILL4</t>
  </si>
  <si>
    <t>FY2000-LOWNDES-107</t>
  </si>
  <si>
    <t>GREENHOUSE</t>
  </si>
  <si>
    <t>BADEN HILL</t>
  </si>
  <si>
    <t>WEST BUTTE</t>
  </si>
  <si>
    <t>722053-12841-1997.gz</t>
  </si>
  <si>
    <t>FM 1504 AND HWY 64</t>
  </si>
  <si>
    <t>722042-53978-2015.gz</t>
  </si>
  <si>
    <t>ALPENA 20</t>
  </si>
  <si>
    <t>TOWERS-15</t>
  </si>
  <si>
    <t>HWY 111 S</t>
  </si>
  <si>
    <t>COLD HOPE</t>
  </si>
  <si>
    <t>NE 30549</t>
  </si>
  <si>
    <t>722745-23109-1994.gz</t>
  </si>
  <si>
    <t>WOODS FERRY RD, AL</t>
  </si>
  <si>
    <t>723165-63821-2008.gz</t>
  </si>
  <si>
    <t>747750-13846-1996.gz</t>
  </si>
  <si>
    <t>722730-03124-2010.gz</t>
  </si>
  <si>
    <t>469 FIRE</t>
  </si>
  <si>
    <t>720624-00211-2015.gz</t>
  </si>
  <si>
    <t>FY2002-WHITE-015</t>
  </si>
  <si>
    <t>MS0    1010-1131223001</t>
  </si>
  <si>
    <t>ROUNDTREE</t>
  </si>
  <si>
    <t>PRIVILAGE CREEK</t>
  </si>
  <si>
    <t>JAMMIN BBQ</t>
  </si>
  <si>
    <t>POLE 2</t>
  </si>
  <si>
    <t>722070-03822-2003.gz</t>
  </si>
  <si>
    <t>DONALDSON</t>
  </si>
  <si>
    <t>FY2001-CLINCH-020</t>
  </si>
  <si>
    <t>BONE CREEK BASIN</t>
  </si>
  <si>
    <t>WEBERRANCH</t>
  </si>
  <si>
    <t>726813-99999-2000.gz</t>
  </si>
  <si>
    <t xml:space="preserve">"ZITTLE,C"               </t>
  </si>
  <si>
    <t>08-CHERYL AVE FIRE-0134</t>
  </si>
  <si>
    <t>722034-12812-2010.gz</t>
  </si>
  <si>
    <t xml:space="preserve">FKU 6942                 </t>
  </si>
  <si>
    <t>CHURCH CHICKEN</t>
  </si>
  <si>
    <t>AUDRACH FARM</t>
  </si>
  <si>
    <t>MM 98 I84</t>
  </si>
  <si>
    <t xml:space="preserve">FRESNO COUNTY 27         </t>
  </si>
  <si>
    <t>BLACK BELT</t>
  </si>
  <si>
    <t>LOWER EAST JONES</t>
  </si>
  <si>
    <t>2011-3846</t>
  </si>
  <si>
    <t>723147-99999-2004.gz</t>
  </si>
  <si>
    <t>OWENS</t>
  </si>
  <si>
    <t>720170-63851-2011.gz</t>
  </si>
  <si>
    <t>723010-03810-2007.gz</t>
  </si>
  <si>
    <t>724095-14792-1995.gz</t>
  </si>
  <si>
    <t>BOY SCOUT</t>
  </si>
  <si>
    <t>725646-99999-2008.gz</t>
  </si>
  <si>
    <t>ALHAMBRA</t>
  </si>
  <si>
    <t>BEHIND SCHOOL BUS GARAGE</t>
  </si>
  <si>
    <t>STONER CONTROL BURN EXTEN</t>
  </si>
  <si>
    <t>0214152 GRASS FIRE</t>
  </si>
  <si>
    <t>WHITE OAK ROAD</t>
  </si>
  <si>
    <t>QUERINO MISC 2</t>
  </si>
  <si>
    <t>CAVENDER'S POND</t>
  </si>
  <si>
    <t>ROBINSON ROAD</t>
  </si>
  <si>
    <t>VERN</t>
  </si>
  <si>
    <t xml:space="preserve">MCPHERSON                </t>
  </si>
  <si>
    <t>MCAFFEE</t>
  </si>
  <si>
    <t>724700-99999-1993.gz</t>
  </si>
  <si>
    <t>724243-03849-2004.gz</t>
  </si>
  <si>
    <t>FY2002-TIFT-073</t>
  </si>
  <si>
    <t>LUNDY</t>
  </si>
  <si>
    <t>723260-13891-2014.gz</t>
  </si>
  <si>
    <t>502 MAIN ST</t>
  </si>
  <si>
    <t>720395-00130-2014.gz</t>
  </si>
  <si>
    <t>ARNOLD RD</t>
  </si>
  <si>
    <t>720656-99999-2011.gz</t>
  </si>
  <si>
    <t>CEDARBUTTE</t>
  </si>
  <si>
    <t>724503-99999-1997.gz</t>
  </si>
  <si>
    <t>CR 588 (4887)</t>
  </si>
  <si>
    <t>DMPTR 2</t>
  </si>
  <si>
    <t>727856-99999-1992.gz</t>
  </si>
  <si>
    <t>NER-20130407-001</t>
  </si>
  <si>
    <t>723447-99999-2002.gz</t>
  </si>
  <si>
    <t>BRASWELL</t>
  </si>
  <si>
    <t>SOUTH ALASKA PEAK</t>
  </si>
  <si>
    <t>72 days 00:00:00.000000000</t>
  </si>
  <si>
    <t xml:space="preserve">NACIMIENTO               </t>
  </si>
  <si>
    <t>723965-93209-1994.gz</t>
  </si>
  <si>
    <t>DUNLOW HILL</t>
  </si>
  <si>
    <t>LIVINGSTON - 335</t>
  </si>
  <si>
    <t>GRASS &amp; HAY FIRE</t>
  </si>
  <si>
    <t>723444-03978-2011.gz</t>
  </si>
  <si>
    <t>WILDFLOWER (35)</t>
  </si>
  <si>
    <t>725074-54752-2008.gz</t>
  </si>
  <si>
    <t>PENCE</t>
  </si>
  <si>
    <t>725700-24046-2010.gz</t>
  </si>
  <si>
    <t>BLACK HOLE (36)</t>
  </si>
  <si>
    <t>722108-12894-2013.gz</t>
  </si>
  <si>
    <t>702315-99999-1993.gz</t>
  </si>
  <si>
    <t>RIDGE TOP #3</t>
  </si>
  <si>
    <t>727937-99999-2003.gz</t>
  </si>
  <si>
    <t>FY2001-GREENE-012</t>
  </si>
  <si>
    <t>725760-24021-2008.gz</t>
  </si>
  <si>
    <t>WIRTH</t>
  </si>
  <si>
    <t>MIDVALE(51)</t>
  </si>
  <si>
    <t xml:space="preserve">MCKAY                    </t>
  </si>
  <si>
    <t>725940-99999-1992.gz</t>
  </si>
  <si>
    <t>PICA</t>
  </si>
  <si>
    <t>GATEWAY PEAK</t>
  </si>
  <si>
    <t>GDGRDTHREE</t>
  </si>
  <si>
    <t>VALLECITOS</t>
  </si>
  <si>
    <t>724927-23285-2006.gz</t>
  </si>
  <si>
    <t>726574-99999-1998.gz</t>
  </si>
  <si>
    <t>725156-14748-2013.gz</t>
  </si>
  <si>
    <t>LITTLE OTTER ROAD</t>
  </si>
  <si>
    <t>THE HOT BOAT</t>
  </si>
  <si>
    <t>HWY 59  (33-8)</t>
  </si>
  <si>
    <t>722140-93805-2014.gz</t>
  </si>
  <si>
    <t xml:space="preserve">WAMPUM                   </t>
  </si>
  <si>
    <t>FIRE ON CR 402</t>
  </si>
  <si>
    <t>MUDLICK BRANCH</t>
  </si>
  <si>
    <t>725626-24091-2008.gz</t>
  </si>
  <si>
    <t>725478-04920-2008.gz</t>
  </si>
  <si>
    <t>TULAPAI</t>
  </si>
  <si>
    <t>FY2002-UPSON-052</t>
  </si>
  <si>
    <t>ANGELEYES</t>
  </si>
  <si>
    <t>R249</t>
  </si>
  <si>
    <t>LINDEN - 14</t>
  </si>
  <si>
    <t>GILSON</t>
  </si>
  <si>
    <t>24373 ROLEY RD, AL</t>
  </si>
  <si>
    <t>TANK</t>
  </si>
  <si>
    <t>PARNEL ROAD</t>
  </si>
  <si>
    <t>OLD STAGE</t>
  </si>
  <si>
    <t>COATS RD. #4 FIRE</t>
  </si>
  <si>
    <t>746936-03712-2013.gz</t>
  </si>
  <si>
    <t>GROSS</t>
  </si>
  <si>
    <t>726560-24025-2011.gz</t>
  </si>
  <si>
    <t>726665-99999-1996.gz</t>
  </si>
  <si>
    <t>RDRV</t>
  </si>
  <si>
    <t>BURDEN RANCH</t>
  </si>
  <si>
    <t>LEVY/FLAT FARM/0462</t>
  </si>
  <si>
    <t>722055-12861-2010.gz</t>
  </si>
  <si>
    <t>LIVINGSTON - 11</t>
  </si>
  <si>
    <t>RUSSELL</t>
  </si>
  <si>
    <t>CURLEE</t>
  </si>
  <si>
    <t>RICCA FIRE</t>
  </si>
  <si>
    <t>HASKELL</t>
  </si>
  <si>
    <t>CR 4294</t>
  </si>
  <si>
    <t>725845-23225-1994.gz</t>
  </si>
  <si>
    <t>HOGAN CREEK</t>
  </si>
  <si>
    <t>JONES PINES</t>
  </si>
  <si>
    <t>CAZADORE</t>
  </si>
  <si>
    <t>720339-00121-2013.gz</t>
  </si>
  <si>
    <t>726077-14616-2006.gz</t>
  </si>
  <si>
    <t>726503-99999-2001.gz</t>
  </si>
  <si>
    <t>TONYSFIRST</t>
  </si>
  <si>
    <t>LITTLEHOLE</t>
  </si>
  <si>
    <t>724833-23206-2014.gz</t>
  </si>
  <si>
    <t>BEAR DRIVE</t>
  </si>
  <si>
    <t>747187-03104-1992.gz</t>
  </si>
  <si>
    <t>CELTIC COURT</t>
  </si>
  <si>
    <t>MEAT PLANT</t>
  </si>
  <si>
    <t>726810-24131-1995.gz</t>
  </si>
  <si>
    <t>724973-93203-2015.gz</t>
  </si>
  <si>
    <t>WILLOWCREE</t>
  </si>
  <si>
    <t>S HWY 29   MIDDLETOWN 2</t>
  </si>
  <si>
    <t>FY2015-COWETA-016</t>
  </si>
  <si>
    <t>722176-53884-2015.gz</t>
  </si>
  <si>
    <t>BUENA VISTA 3</t>
  </si>
  <si>
    <t>745058-23277-2013.gz</t>
  </si>
  <si>
    <t>ALCONA 02 - MINK FIRE</t>
  </si>
  <si>
    <t>FY2002-CARROLL-055</t>
  </si>
  <si>
    <t>FRISBEE</t>
  </si>
  <si>
    <t>RL34</t>
  </si>
  <si>
    <t>727486-99999-2001.gz</t>
  </si>
  <si>
    <t>MS0    0808-5031005002</t>
  </si>
  <si>
    <t>HWY. 381 ON THE 4TH OF JU</t>
  </si>
  <si>
    <t>FY2015-BLECKLEY-012</t>
  </si>
  <si>
    <t>PEANUT RD  (32)</t>
  </si>
  <si>
    <t>RYDER COURT</t>
  </si>
  <si>
    <t>CHEVELON</t>
  </si>
  <si>
    <t>DIXON</t>
  </si>
  <si>
    <t>725235-99999-2003.gz</t>
  </si>
  <si>
    <t>724625-99999-1996.gz</t>
  </si>
  <si>
    <t>MS0    0808-3641004001</t>
  </si>
  <si>
    <t>FREEDOM ROAD</t>
  </si>
  <si>
    <t>ANGLE FIRE</t>
  </si>
  <si>
    <t>LIME CREEK</t>
  </si>
  <si>
    <t>726605-00386-2015.gz</t>
  </si>
  <si>
    <t>DICKS FK OF 9 MILE</t>
  </si>
  <si>
    <t>RL154</t>
  </si>
  <si>
    <t>725025-94741-2012.gz</t>
  </si>
  <si>
    <t>CHEWBACA FIRE</t>
  </si>
  <si>
    <t xml:space="preserve">CANAL FIRE               </t>
  </si>
  <si>
    <t>HIDDEN VALLEY DEVELOPMETN</t>
  </si>
  <si>
    <t>726116-94765-2013.gz</t>
  </si>
  <si>
    <t>EAST GULF</t>
  </si>
  <si>
    <t>724125-99999-1994.gz</t>
  </si>
  <si>
    <t>SWR-20150108-004</t>
  </si>
  <si>
    <t xml:space="preserve">STRIKES                  </t>
  </si>
  <si>
    <t>W.BLACK BT</t>
  </si>
  <si>
    <t>722026-99999-2003.gz</t>
  </si>
  <si>
    <t>83 days 00:00:00.000000000</t>
  </si>
  <si>
    <t>727790-24146-2015.gz</t>
  </si>
  <si>
    <t>722683-99999-2000.gz</t>
  </si>
  <si>
    <t xml:space="preserve">DALEY                    </t>
  </si>
  <si>
    <t>FY2002-BLECKLEY-055</t>
  </si>
  <si>
    <t xml:space="preserve">MONTEREY                 </t>
  </si>
  <si>
    <t>NASTY</t>
  </si>
  <si>
    <t>MP4, HWY287</t>
  </si>
  <si>
    <t>725556-94975-2012.gz</t>
  </si>
  <si>
    <t>AMERSON</t>
  </si>
  <si>
    <t>FY2011-PIERCE-077</t>
  </si>
  <si>
    <t>726550-14926-1999.gz</t>
  </si>
  <si>
    <t>COLLINS FK</t>
  </si>
  <si>
    <t>BEST FIRE</t>
  </si>
  <si>
    <t>SWR-20131212-002</t>
  </si>
  <si>
    <t>997784-99999-2013.gz</t>
  </si>
  <si>
    <t>SER-20141214-001</t>
  </si>
  <si>
    <t>722268-13839-2014.gz</t>
  </si>
  <si>
    <t>ROGERS LAKE</t>
  </si>
  <si>
    <t>727790-24146-1996.gz</t>
  </si>
  <si>
    <t>TICK RIDGE FIRE</t>
  </si>
  <si>
    <t>HOOTERVILLE</t>
  </si>
  <si>
    <t>MARSH FARMS</t>
  </si>
  <si>
    <t>BUNGER FIRE 2</t>
  </si>
  <si>
    <t>POSO</t>
  </si>
  <si>
    <t>723840-23155-1997.gz</t>
  </si>
  <si>
    <t>STRAIN CEMETARY</t>
  </si>
  <si>
    <t>720283-04927-2009.gz</t>
  </si>
  <si>
    <t>GABES CREEK ROAD</t>
  </si>
  <si>
    <t>722124-04998-2009.gz</t>
  </si>
  <si>
    <t>PROSPECT RD.</t>
  </si>
  <si>
    <t>997794-99999-2014.gz</t>
  </si>
  <si>
    <t>CAROLINE AVE</t>
  </si>
  <si>
    <t>725103-14712-2014.gz</t>
  </si>
  <si>
    <t>ROUGH</t>
  </si>
  <si>
    <t>726517-94039-2015.gz</t>
  </si>
  <si>
    <t>MISSIONARY RIDGE/COUNTY LINE</t>
  </si>
  <si>
    <t>726785-24135-2000.gz</t>
  </si>
  <si>
    <t>FY2001-BLECKLEY-020</t>
  </si>
  <si>
    <t>SUNFLOWER FIRE</t>
  </si>
  <si>
    <t>LONGHORN RD FIRE</t>
  </si>
  <si>
    <t>722536-12911-2009.gz</t>
  </si>
  <si>
    <t xml:space="preserve">HIGHWAY 26 #5            </t>
  </si>
  <si>
    <t>LIVINGSTON - 927</t>
  </si>
  <si>
    <t>723405-03930-2008.gz</t>
  </si>
  <si>
    <t>K10-110</t>
  </si>
  <si>
    <t>176 HOWARD LN</t>
  </si>
  <si>
    <t>BEAL</t>
  </si>
  <si>
    <t>RAMBLER FIRE</t>
  </si>
  <si>
    <t>CR 196 FIRE</t>
  </si>
  <si>
    <t>723250-03847-2006.gz</t>
  </si>
  <si>
    <t>BIG FORK</t>
  </si>
  <si>
    <t>BROCKDELL RD (2)</t>
  </si>
  <si>
    <t>WESTBURN MTN.</t>
  </si>
  <si>
    <t>MS0    1010-4461014009</t>
  </si>
  <si>
    <t>HOT3289019</t>
  </si>
  <si>
    <t>BOAT GUM</t>
  </si>
  <si>
    <t>SOUTH FORK</t>
  </si>
  <si>
    <t>725970-24225-2005.gz</t>
  </si>
  <si>
    <t>OLD STAGE RD</t>
  </si>
  <si>
    <t>2870 CR 4706 FIRE</t>
  </si>
  <si>
    <t>LOST THE MOOD</t>
  </si>
  <si>
    <t>CENTERVILLE FIRE</t>
  </si>
  <si>
    <t>FY2001-BURKE-050</t>
  </si>
  <si>
    <t xml:space="preserve">UPDEGRAFF 2 LIGHTNING    </t>
  </si>
  <si>
    <t>726876-99999-2000.gz</t>
  </si>
  <si>
    <t xml:space="preserve">BIGGS                    </t>
  </si>
  <si>
    <t>FY2003-PIERCE-027</t>
  </si>
  <si>
    <t>STATION</t>
  </si>
  <si>
    <t>CROMWELL</t>
  </si>
  <si>
    <t>723540-99999-2000.gz</t>
  </si>
  <si>
    <t>COUNTY LINE FIRE</t>
  </si>
  <si>
    <t>722209-12986-2007.gz</t>
  </si>
  <si>
    <t>ONION MTN</t>
  </si>
  <si>
    <t>32 days 00:00:00.000000000</t>
  </si>
  <si>
    <t>WHEELER LN.</t>
  </si>
  <si>
    <t>FY2013-TALBOT-028</t>
  </si>
  <si>
    <t xml:space="preserve">BEZENBERG #2             </t>
  </si>
  <si>
    <t>723896-99999-1993.gz</t>
  </si>
  <si>
    <t>17529 STATE HIGHWAY 6 SOUTH</t>
  </si>
  <si>
    <t>PINE MOUNTAIN</t>
  </si>
  <si>
    <t>723145-03810-2002.gz</t>
  </si>
  <si>
    <t>MICHAELIS ROAD</t>
  </si>
  <si>
    <t>GRIMSLEY R.D. FIRE</t>
  </si>
  <si>
    <t>TALBERT</t>
  </si>
  <si>
    <t>720742-00270-2011.gz</t>
  </si>
  <si>
    <t>CORTE ILLORA  / MEADOWS P</t>
  </si>
  <si>
    <t>722926-03154-2012.gz</t>
  </si>
  <si>
    <t>724674-99999-2000.gz</t>
  </si>
  <si>
    <t>725360-94830-2014.gz</t>
  </si>
  <si>
    <t>EAGLE CREEK</t>
  </si>
  <si>
    <t>RAMON C</t>
  </si>
  <si>
    <t>FY2013-FRANKLIN-022</t>
  </si>
  <si>
    <t>723118-53850-2013.gz</t>
  </si>
  <si>
    <t>MS0    0808-5740326017</t>
  </si>
  <si>
    <t>SMOKE REPORT</t>
  </si>
  <si>
    <t>722499-99999-2001.gz</t>
  </si>
  <si>
    <t>WEESE FIRE</t>
  </si>
  <si>
    <t>720333-53175-2014.gz</t>
  </si>
  <si>
    <t>GILA RIVER</t>
  </si>
  <si>
    <t xml:space="preserve">HATAKEDA                 </t>
  </si>
  <si>
    <t>BETHLEHEM MILO</t>
  </si>
  <si>
    <t>MS0    1010-6540722001</t>
  </si>
  <si>
    <t>FY2014-BALDWIN-026</t>
  </si>
  <si>
    <t>725462-14937-2009.gz</t>
  </si>
  <si>
    <t>NEWMAN</t>
  </si>
  <si>
    <t>MS0    1010-3331223003</t>
  </si>
  <si>
    <t>720379-63882-2012.gz</t>
  </si>
  <si>
    <t>CARLIN CANYON</t>
  </si>
  <si>
    <t>SQUIRREL TREE</t>
  </si>
  <si>
    <t>724238-53886-2007.gz</t>
  </si>
  <si>
    <t>FY2012-LAURENS-032</t>
  </si>
  <si>
    <t>DEADHORSE RIDGE</t>
  </si>
  <si>
    <t>GA-3</t>
  </si>
  <si>
    <t>LINGO</t>
  </si>
  <si>
    <t>722686-23008-2006.gz</t>
  </si>
  <si>
    <t>FY2000-BARTOW-100</t>
  </si>
  <si>
    <t>FY2001-MONTGOMERY-017</t>
  </si>
  <si>
    <t>FY2013-COWETA-021</t>
  </si>
  <si>
    <t>722176-53884-2013.gz</t>
  </si>
  <si>
    <t>BUCKWEED</t>
  </si>
  <si>
    <t>N OLD EL SAUZ RD</t>
  </si>
  <si>
    <t>CASH</t>
  </si>
  <si>
    <t>WILLIAMS LOGGING</t>
  </si>
  <si>
    <t>720968-00340-2014.gz</t>
  </si>
  <si>
    <t>BIRCH BROOK</t>
  </si>
  <si>
    <t>WILDCARD</t>
  </si>
  <si>
    <t>724053-03717-2007.gz</t>
  </si>
  <si>
    <t>MOORE CH. FIRE</t>
  </si>
  <si>
    <t xml:space="preserve">TAR                      </t>
  </si>
  <si>
    <t>FM1379SPRABERRY</t>
  </si>
  <si>
    <t>722241-54925-2011.gz</t>
  </si>
  <si>
    <t>FY2001-IRWIN-004</t>
  </si>
  <si>
    <t>FY2014-TWIGGS-004</t>
  </si>
  <si>
    <t>722175-13860-2013.gz</t>
  </si>
  <si>
    <t>STIHL</t>
  </si>
  <si>
    <t>727640-24011-1999.gz</t>
  </si>
  <si>
    <t>NER-20121203-003</t>
  </si>
  <si>
    <t>DAILEY</t>
  </si>
  <si>
    <t>BURNING TR</t>
  </si>
  <si>
    <t>CHICKEN HOUSE</t>
  </si>
  <si>
    <t>709BARROWLANE</t>
  </si>
  <si>
    <t>HAZELWOOD FIRE</t>
  </si>
  <si>
    <t>723068-99999-2000.gz</t>
  </si>
  <si>
    <t>COOPER HOG HOUSE FIRE</t>
  </si>
  <si>
    <t>JOE SEWELL</t>
  </si>
  <si>
    <t>JER-BE-LOU ROAD FIRE</t>
  </si>
  <si>
    <t>LINDA'S LANE FIRE</t>
  </si>
  <si>
    <t>BENITO ST.</t>
  </si>
  <si>
    <t>727924-24223-2002.gz</t>
  </si>
  <si>
    <t>011-151</t>
  </si>
  <si>
    <t>723405-99999-2002.gz</t>
  </si>
  <si>
    <t>720479-00149-2014.gz</t>
  </si>
  <si>
    <t>DAM SWITCH</t>
  </si>
  <si>
    <t>720322-04129-2014.gz</t>
  </si>
  <si>
    <t>RED MAPLE LN / SADDLEBROO</t>
  </si>
  <si>
    <t>WF NOWHERE FIRE</t>
  </si>
  <si>
    <t>724014-93714-2007.gz</t>
  </si>
  <si>
    <t>DESERADO 1</t>
  </si>
  <si>
    <t>BALL SCHOOL ROAD</t>
  </si>
  <si>
    <t>724286-93824-2005.gz</t>
  </si>
  <si>
    <t>17 MILE SL</t>
  </si>
  <si>
    <t>701940-26413-1997.gz</t>
  </si>
  <si>
    <t>NITAMATT</t>
  </si>
  <si>
    <t>GAULEY BRIDGE</t>
  </si>
  <si>
    <t>SQUAW VLY</t>
  </si>
  <si>
    <t>821 AND CR 51</t>
  </si>
  <si>
    <t>LIVINGSTON - 895</t>
  </si>
  <si>
    <t>CLEAR LAKE</t>
  </si>
  <si>
    <t>CR 1574</t>
  </si>
  <si>
    <t>32/MUNROE ESCAPE-0329</t>
  </si>
  <si>
    <t>FY2011-JENKINS-032</t>
  </si>
  <si>
    <t>746930-93737-2007.gz</t>
  </si>
  <si>
    <t>WILDCREEK</t>
  </si>
  <si>
    <t>724880-23185-1997.gz</t>
  </si>
  <si>
    <t>FY2001-TAYLOR-028</t>
  </si>
  <si>
    <t>SAGE ROAD FIRE</t>
  </si>
  <si>
    <t>722656-23040-2008.gz</t>
  </si>
  <si>
    <t>VORTAC</t>
  </si>
  <si>
    <t>MAIN CANYON</t>
  </si>
  <si>
    <t>PINE PLANTATION</t>
  </si>
  <si>
    <t>LUDLOW GRAZING</t>
  </si>
  <si>
    <t>ANDY</t>
  </si>
  <si>
    <t>FM 2077 @ CR 3060</t>
  </si>
  <si>
    <t>742513-53937-2011.gz</t>
  </si>
  <si>
    <t>720343-54852-2007.gz</t>
  </si>
  <si>
    <t>FY2012-BULLOCH-046</t>
  </si>
  <si>
    <t>TIM SCHWARTZ</t>
  </si>
  <si>
    <t>720866-00292-2015.gz</t>
  </si>
  <si>
    <t>742513-53937-2015.gz</t>
  </si>
  <si>
    <t>TRASH BURNING</t>
  </si>
  <si>
    <t>722520-12907-2014.gz</t>
  </si>
  <si>
    <t>TOM</t>
  </si>
  <si>
    <t>FALCON CREST</t>
  </si>
  <si>
    <t>FY2011-RANDOLPH-053</t>
  </si>
  <si>
    <t>CALECHE RD</t>
  </si>
  <si>
    <t xml:space="preserve">LIME                     </t>
  </si>
  <si>
    <t>1264 COMMAND</t>
  </si>
  <si>
    <t>BARRICADE</t>
  </si>
  <si>
    <t>MAREK ROAD FIRE</t>
  </si>
  <si>
    <t>727437-94893-2015.gz</t>
  </si>
  <si>
    <t>MERCEY</t>
  </si>
  <si>
    <t>724765-99999-1993.gz</t>
  </si>
  <si>
    <t>WHI5587450</t>
  </si>
  <si>
    <t xml:space="preserve">S SANTA FE AV / IPSEN AV </t>
  </si>
  <si>
    <t>CALABO FIRE</t>
  </si>
  <si>
    <t>6652 SPICE POND ROAD, AL</t>
  </si>
  <si>
    <t>722230-13894-2011.gz</t>
  </si>
  <si>
    <t>FM 856 FIRE</t>
  </si>
  <si>
    <t>LOAFER</t>
  </si>
  <si>
    <t>LAKE 01</t>
  </si>
  <si>
    <t>725416-14864-2011.gz</t>
  </si>
  <si>
    <t>NIGHT OWL</t>
  </si>
  <si>
    <t>722444-53902-2014.gz</t>
  </si>
  <si>
    <t>BRUSHY FORK</t>
  </si>
  <si>
    <t>CONQUISTADOR RD./JANIE GARZA LN.</t>
  </si>
  <si>
    <t>720584-00181-2009.gz</t>
  </si>
  <si>
    <t>723083-13763-2007.gz</t>
  </si>
  <si>
    <t>ARROWHEAD #2</t>
  </si>
  <si>
    <t>FM468 5MI WEST GRASSFIRE</t>
  </si>
  <si>
    <t>326 N. I 35</t>
  </si>
  <si>
    <t>ONCOR</t>
  </si>
  <si>
    <t>ASSIST 2</t>
  </si>
  <si>
    <t>725760-24021-2002.gz</t>
  </si>
  <si>
    <t>CHAOS</t>
  </si>
  <si>
    <t>ALTO</t>
  </si>
  <si>
    <t>726436-99999-2000.gz</t>
  </si>
  <si>
    <t>723284-99999-2004.gz</t>
  </si>
  <si>
    <t xml:space="preserve">PRICE                    </t>
  </si>
  <si>
    <t>TURTLE 2</t>
  </si>
  <si>
    <t>GREEN SWAMP</t>
  </si>
  <si>
    <t>722191-03721-2010.gz</t>
  </si>
  <si>
    <t>MS0    1111-3650605004</t>
  </si>
  <si>
    <t>6008 MEGAN</t>
  </si>
  <si>
    <t>747805-63818-2008.gz</t>
  </si>
  <si>
    <t>CANYON CREEK</t>
  </si>
  <si>
    <t>726817-24154-2011.gz</t>
  </si>
  <si>
    <t>SLIPPERY FALLS</t>
  </si>
  <si>
    <t>NOWATA NORTH</t>
  </si>
  <si>
    <t>WEED FARM</t>
  </si>
  <si>
    <t>724765-99999-2003.gz</t>
  </si>
  <si>
    <t xml:space="preserve">ORCHARD DR  MIRAMONTE 2  </t>
  </si>
  <si>
    <t>MAUL SWAMP</t>
  </si>
  <si>
    <t>722103-99999-1995.gz</t>
  </si>
  <si>
    <t>DENKE CA</t>
  </si>
  <si>
    <t>RAMSEY FORD ROAD</t>
  </si>
  <si>
    <t>LION CREEK</t>
  </si>
  <si>
    <t>SALIZ</t>
  </si>
  <si>
    <t>#2 JEWETT RD.</t>
  </si>
  <si>
    <t>723100-13883-2015.gz</t>
  </si>
  <si>
    <t xml:space="preserve">TANK                     </t>
  </si>
  <si>
    <t>FY2001-FRANKLIN-014</t>
  </si>
  <si>
    <t>720638-00224-2014.gz</t>
  </si>
  <si>
    <t>722109-63848-2008.gz</t>
  </si>
  <si>
    <t>MOTHERS</t>
  </si>
  <si>
    <t>MOCO</t>
  </si>
  <si>
    <t>SHEEP CR</t>
  </si>
  <si>
    <t>726774-99999-1995.gz</t>
  </si>
  <si>
    <t>726558-04914-2007.gz</t>
  </si>
  <si>
    <t>MAHOGANY</t>
  </si>
  <si>
    <t>BLOCK FIRE</t>
  </si>
  <si>
    <t>LASSIC</t>
  </si>
  <si>
    <t>BALLFIELD</t>
  </si>
  <si>
    <t>PATRICK FELTS</t>
  </si>
  <si>
    <t>409LAFAYETTE</t>
  </si>
  <si>
    <t>SAN MARCUS</t>
  </si>
  <si>
    <t>911904-99999-2005.gz</t>
  </si>
  <si>
    <t>MS0    1010-3120806001</t>
  </si>
  <si>
    <t>GREEN LAKE FIRE</t>
  </si>
  <si>
    <t>EC110</t>
  </si>
  <si>
    <t>VALLEY FIRE</t>
  </si>
  <si>
    <t>BLACK DOG 5</t>
  </si>
  <si>
    <t>726580-14922-2004.gz</t>
  </si>
  <si>
    <t>OTA 70</t>
  </si>
  <si>
    <t>726815-24106-2009.gz</t>
  </si>
  <si>
    <t xml:space="preserve">GOPHER                   </t>
  </si>
  <si>
    <t>746925-99999-2005.gz</t>
  </si>
  <si>
    <t>RICHARDVILLE</t>
  </si>
  <si>
    <t>DURFEE</t>
  </si>
  <si>
    <t>727503-99999-2002.gz</t>
  </si>
  <si>
    <t xml:space="preserve">DEAD BIRD                </t>
  </si>
  <si>
    <t>720399-99999-2009.gz</t>
  </si>
  <si>
    <t>MM21-HWY91</t>
  </si>
  <si>
    <t>WAGON SOUTH</t>
  </si>
  <si>
    <t>RACETRACK</t>
  </si>
  <si>
    <t xml:space="preserve">WERNER                   </t>
  </si>
  <si>
    <t>722826-93762-2008.gz</t>
  </si>
  <si>
    <t xml:space="preserve">PENNY                    </t>
  </si>
  <si>
    <t>DECOCK</t>
  </si>
  <si>
    <t>742300-24037-2007.gz</t>
  </si>
  <si>
    <t xml:space="preserve">RADIO                    </t>
  </si>
  <si>
    <t>GIBBONS</t>
  </si>
  <si>
    <t>SMITH CK. #1</t>
  </si>
  <si>
    <t>ELECTRIC</t>
  </si>
  <si>
    <t>NEW PASS</t>
  </si>
  <si>
    <t>725805-24172-1999.gz</t>
  </si>
  <si>
    <t>GRAND AVE</t>
  </si>
  <si>
    <t>DRIFTWOOD FIRE 2004</t>
  </si>
  <si>
    <t>722024-99999-2002.gz</t>
  </si>
  <si>
    <t>WOODS #2</t>
  </si>
  <si>
    <t>723565-99999-2001.gz</t>
  </si>
  <si>
    <t>724475-93909-2015.gz</t>
  </si>
  <si>
    <t>PIERCETOWN</t>
  </si>
  <si>
    <t>WEST HAGEN</t>
  </si>
  <si>
    <t>SHITIKE ROAD FIRE</t>
  </si>
  <si>
    <t>RL006</t>
  </si>
  <si>
    <t>727505-04929-2007.gz</t>
  </si>
  <si>
    <t>LINDEN - 6218</t>
  </si>
  <si>
    <t>ST. CLOUD</t>
  </si>
  <si>
    <t>726560-99999-1992.gz</t>
  </si>
  <si>
    <t>DALEY'S LANDSCAPING</t>
  </si>
  <si>
    <t>FY2001-APPLING-008</t>
  </si>
  <si>
    <t xml:space="preserve">RODDEN                   </t>
  </si>
  <si>
    <t xml:space="preserve">AGER                     </t>
  </si>
  <si>
    <t>ELECTRIC FENCE FIRE</t>
  </si>
  <si>
    <t>723069-99999-1998.gz</t>
  </si>
  <si>
    <t>LIGHTINING LAKE</t>
  </si>
  <si>
    <t>QUATTRO DE MAYO</t>
  </si>
  <si>
    <t>726985-24242-2013.gz</t>
  </si>
  <si>
    <t xml:space="preserve">MORGAN WHITE2            </t>
  </si>
  <si>
    <t>CR 2186 FIRE</t>
  </si>
  <si>
    <t>S. HWY 78, AL</t>
  </si>
  <si>
    <t xml:space="preserve">MCKINLEY                 </t>
  </si>
  <si>
    <t>722539-12979-2013.gz</t>
  </si>
  <si>
    <t>GRAPE CREEK</t>
  </si>
  <si>
    <t>WEST MORRIS MOUNTAIN</t>
  </si>
  <si>
    <t>722212-99999-1998.gz</t>
  </si>
  <si>
    <t>LIVINGSTON - 109</t>
  </si>
  <si>
    <t>POTATO BRA</t>
  </si>
  <si>
    <t>HEIDENEICH</t>
  </si>
  <si>
    <t>BOSTON</t>
  </si>
  <si>
    <t>725745-24057-1992.gz</t>
  </si>
  <si>
    <t>RIDGE RUNN</t>
  </si>
  <si>
    <t>SHERRILLS MILL</t>
  </si>
  <si>
    <t xml:space="preserve">HUEPEL                   </t>
  </si>
  <si>
    <t xml:space="preserve">LGT#26                   </t>
  </si>
  <si>
    <t>STAR HILL FIRE</t>
  </si>
  <si>
    <t>725526-14905-2007.gz</t>
  </si>
  <si>
    <t>MS0    0808-3330301003</t>
  </si>
  <si>
    <t>OVERCREST DR / SIERRA LIN</t>
  </si>
  <si>
    <t>726567-04980-2012.gz</t>
  </si>
  <si>
    <t>OLD PLANK RD</t>
  </si>
  <si>
    <t>R28</t>
  </si>
  <si>
    <t>SLAB CAMP BRANCH OF KELLYS CR.</t>
  </si>
  <si>
    <t>2010 PRESCRIBE BURN STAND BY # 6</t>
  </si>
  <si>
    <t>FY2001-BRANTLEY-103</t>
  </si>
  <si>
    <t>722060-13889-2001.gz</t>
  </si>
  <si>
    <t>722225-03855-2002.gz</t>
  </si>
  <si>
    <t>WALTZ</t>
  </si>
  <si>
    <t>727576-14916-2006.gz</t>
  </si>
  <si>
    <t>BREWER DRIVE</t>
  </si>
  <si>
    <t xml:space="preserve">MOUNTAIN 8               </t>
  </si>
  <si>
    <t>ELDER</t>
  </si>
  <si>
    <t>723528-99999-1999.gz</t>
  </si>
  <si>
    <t>723441-54921-2014.gz</t>
  </si>
  <si>
    <t>UTE TRAIL2</t>
  </si>
  <si>
    <t>GHOST TOWN</t>
  </si>
  <si>
    <t>726690-24057-2011.gz</t>
  </si>
  <si>
    <t>JOHNSON RD</t>
  </si>
  <si>
    <t>727857-99999-1997.gz</t>
  </si>
  <si>
    <t>727474-04923-2015.gz</t>
  </si>
  <si>
    <t>THIRTY ONE</t>
  </si>
  <si>
    <t xml:space="preserve">SHERIFF BOMB SQD.        </t>
  </si>
  <si>
    <t>722055-99999-1995.gz</t>
  </si>
  <si>
    <t>HART</t>
  </si>
  <si>
    <t xml:space="preserve">SENTINEL                 </t>
  </si>
  <si>
    <t>DRIPPING SPRINGS</t>
  </si>
  <si>
    <t>MEYERS</t>
  </si>
  <si>
    <t>TUCKER HOLLOW</t>
  </si>
  <si>
    <t>22373 150TH ST. CARROLL, IA, IA</t>
  </si>
  <si>
    <t>725468-04910-2011.gz</t>
  </si>
  <si>
    <t>INCIDENT 151</t>
  </si>
  <si>
    <t>726920-24230-2014.gz</t>
  </si>
  <si>
    <t>THE ROCKS</t>
  </si>
  <si>
    <t>55 ROAD SIDE</t>
  </si>
  <si>
    <t>722363-23098-2013.gz</t>
  </si>
  <si>
    <t>720361-63870-2008.gz</t>
  </si>
  <si>
    <t>MCGUINTY</t>
  </si>
  <si>
    <t>725976-99999-1992.gz</t>
  </si>
  <si>
    <t>722107-03056-2014.gz</t>
  </si>
  <si>
    <t>MESQUITE TRAIL FIRE</t>
  </si>
  <si>
    <t>S CASITA FARM RD.</t>
  </si>
  <si>
    <t>720276-12983-2012.gz</t>
  </si>
  <si>
    <t>MIDDLE RIVER RD</t>
  </si>
  <si>
    <t>997794-99999-2013.gz</t>
  </si>
  <si>
    <t>LOCAL</t>
  </si>
  <si>
    <t>690150-93121-2005.gz</t>
  </si>
  <si>
    <t xml:space="preserve">WYNOLA                   </t>
  </si>
  <si>
    <t>722176-53884-2010.gz</t>
  </si>
  <si>
    <t>BATES FIELD FIRE</t>
  </si>
  <si>
    <t>KIRKWOOD</t>
  </si>
  <si>
    <t>ISKKCON</t>
  </si>
  <si>
    <t>EDGEHILL CEMETERY</t>
  </si>
  <si>
    <t>TYLER CREEK</t>
  </si>
  <si>
    <t>CHERRY</t>
  </si>
  <si>
    <t>RIVERSIDE</t>
  </si>
  <si>
    <t>722500-12919-2001.gz</t>
  </si>
  <si>
    <t>PAD 10</t>
  </si>
  <si>
    <t>BLEMP</t>
  </si>
  <si>
    <t>LANGSTON</t>
  </si>
  <si>
    <t>723537-53913-2006.gz</t>
  </si>
  <si>
    <t>724106-13728-1995.gz</t>
  </si>
  <si>
    <t>GILLETTE CLOSE SHAVE</t>
  </si>
  <si>
    <t>727870-94119-2013.gz</t>
  </si>
  <si>
    <t>722265-13821-1997.gz</t>
  </si>
  <si>
    <t>CHIMAYO</t>
  </si>
  <si>
    <t>723654-93091-2012.gz</t>
  </si>
  <si>
    <t>LEARY-ZOOL FIRE</t>
  </si>
  <si>
    <t>BIG ISLAND  (55)</t>
  </si>
  <si>
    <t>722212-92814-2014.gz</t>
  </si>
  <si>
    <t>HUSKY</t>
  </si>
  <si>
    <t>702650-99999-2003.gz</t>
  </si>
  <si>
    <t>FLOOD</t>
  </si>
  <si>
    <t>900 S LOOP 289</t>
  </si>
  <si>
    <t>PEACHES</t>
  </si>
  <si>
    <t>HERNANDEZ 1</t>
  </si>
  <si>
    <t>722535-12909-2012.gz</t>
  </si>
  <si>
    <t>VALLEY ROAD FIRE</t>
  </si>
  <si>
    <t>AGGIE CREEK</t>
  </si>
  <si>
    <t>702615-99999-1995.gz</t>
  </si>
  <si>
    <t>BLIND GULCH</t>
  </si>
  <si>
    <t>726605-99999-2001.gz</t>
  </si>
  <si>
    <t>DOF212/152</t>
  </si>
  <si>
    <t>107 REDWOOD</t>
  </si>
  <si>
    <t>ROCKHOUND</t>
  </si>
  <si>
    <t>WEST BEACH</t>
  </si>
  <si>
    <t>MONKS</t>
  </si>
  <si>
    <t>SMOOT</t>
  </si>
  <si>
    <t>727684-99999-2004.gz</t>
  </si>
  <si>
    <t>724117-99999-1997.gz</t>
  </si>
  <si>
    <t>STINE</t>
  </si>
  <si>
    <t>CROWFOOT</t>
  </si>
  <si>
    <t>BEAUMTN-#3</t>
  </si>
  <si>
    <t>ORVIN DRIVE FIRE</t>
  </si>
  <si>
    <t>PAN</t>
  </si>
  <si>
    <t>CAPE HORN</t>
  </si>
  <si>
    <t>131 days 00:00:00.000000000</t>
  </si>
  <si>
    <t>747805-99999-2003.gz</t>
  </si>
  <si>
    <t>NER-20120724-002</t>
  </si>
  <si>
    <t xml:space="preserve">BLUE CREEK               </t>
  </si>
  <si>
    <t>725948-99999-1992.gz</t>
  </si>
  <si>
    <t>723068-99999-1992.gz</t>
  </si>
  <si>
    <t>LD2313</t>
  </si>
  <si>
    <t>MEDIAN</t>
  </si>
  <si>
    <t>MARLEY RD GRASS FIRE.</t>
  </si>
  <si>
    <t>722031-99999-2004.gz</t>
  </si>
  <si>
    <t>723035-99999-2005.gz</t>
  </si>
  <si>
    <t>725105-14770-2010.gz</t>
  </si>
  <si>
    <t>BEAVER COMMAND</t>
  </si>
  <si>
    <t>BETSY HOLE</t>
  </si>
  <si>
    <t>723429-53920-2015.gz</t>
  </si>
  <si>
    <t xml:space="preserve">SLU1892                  </t>
  </si>
  <si>
    <t>LEWIS SEAFOOD</t>
  </si>
  <si>
    <t>S.O.B. 2</t>
  </si>
  <si>
    <t>722057-12854-2008.gz</t>
  </si>
  <si>
    <t>NWR-20140326-003</t>
  </si>
  <si>
    <t>724094-54743-2006.gz</t>
  </si>
  <si>
    <t>MCANDREWS</t>
  </si>
  <si>
    <t>GRUBBS</t>
  </si>
  <si>
    <t>WARD ON KELLYS CK.</t>
  </si>
  <si>
    <t>722390-03931-1991.gz</t>
  </si>
  <si>
    <t>MS0    0909-3330630008</t>
  </si>
  <si>
    <t>UPPER LONG BRANCH</t>
  </si>
  <si>
    <t>724140-13866-2007.gz</t>
  </si>
  <si>
    <t>725640-24018-2007.gz</t>
  </si>
  <si>
    <t>VIDA LOCO</t>
  </si>
  <si>
    <t>722747-99999-2000.gz</t>
  </si>
  <si>
    <t>COAL FIRE</t>
  </si>
  <si>
    <t>BELT</t>
  </si>
  <si>
    <t>747186-03164-2007.gz</t>
  </si>
  <si>
    <t>MARIE WAGSTAFF</t>
  </si>
  <si>
    <t>726515-99999-2003.gz</t>
  </si>
  <si>
    <t>HOLZBAUER CORN</t>
  </si>
  <si>
    <t>13-0090</t>
  </si>
  <si>
    <t>HARTSFIELD FIRE</t>
  </si>
  <si>
    <t>746929-99999-2002.gz</t>
  </si>
  <si>
    <t>NORTH BRANCH</t>
  </si>
  <si>
    <t>FY2000-PULASKI-035</t>
  </si>
  <si>
    <t>FLATSQUIRL</t>
  </si>
  <si>
    <t>723400-99999-1998.gz</t>
  </si>
  <si>
    <t>BOULDER CREEK</t>
  </si>
  <si>
    <t>994220-99999-1994.gz</t>
  </si>
  <si>
    <t>HOPPIE</t>
  </si>
  <si>
    <t>725810-24193-1994.gz</t>
  </si>
  <si>
    <t>LEAN TO FIRE</t>
  </si>
  <si>
    <t>724296-13841-2012.gz</t>
  </si>
  <si>
    <t>KALTY</t>
  </si>
  <si>
    <t>723575-99999-2001.gz</t>
  </si>
  <si>
    <t>FY2014-CATOOSA-019</t>
  </si>
  <si>
    <t>FY2015-BURKE-029</t>
  </si>
  <si>
    <t>720301-63846-2015.gz</t>
  </si>
  <si>
    <t>KIMBELL 1</t>
  </si>
  <si>
    <t>725407-99999-2003.gz</t>
  </si>
  <si>
    <t>725466-04938-2012.gz</t>
  </si>
  <si>
    <t>GREATWKR 2</t>
  </si>
  <si>
    <t>724017-03707-2013.gz</t>
  </si>
  <si>
    <t>IRCP33</t>
  </si>
  <si>
    <t>725487-99999-2002.gz</t>
  </si>
  <si>
    <t>FY2014-PAULDING-015</t>
  </si>
  <si>
    <t>BUCHANAN#1</t>
  </si>
  <si>
    <t>FERRY RD.</t>
  </si>
  <si>
    <t>723723-23184-1995.gz</t>
  </si>
  <si>
    <t>MIDDLE RUN</t>
  </si>
  <si>
    <t>SPAIN</t>
  </si>
  <si>
    <t>722241-54925-2012.gz</t>
  </si>
  <si>
    <t>MELAN SOUTH</t>
  </si>
  <si>
    <t>WINKEL RANCH</t>
  </si>
  <si>
    <t>GARY</t>
  </si>
  <si>
    <t>726519-94993-2011.gz</t>
  </si>
  <si>
    <t>NELSON CREEK</t>
  </si>
  <si>
    <t>726514-99999-1999.gz</t>
  </si>
  <si>
    <t>BOSSE GRASS FIRE</t>
  </si>
  <si>
    <t>726115-99999-2001.gz</t>
  </si>
  <si>
    <t>NEWMARK</t>
  </si>
  <si>
    <t>SER-20130315-004</t>
  </si>
  <si>
    <t>HARDEE'S</t>
  </si>
  <si>
    <t>047 FRIDAY</t>
  </si>
  <si>
    <t>CHICKEN HOUSE FIRE</t>
  </si>
  <si>
    <t>PATTERSON PASS RD  / GREE</t>
  </si>
  <si>
    <t>FY2001-BARTOW-045</t>
  </si>
  <si>
    <t>ECR-20140325-003</t>
  </si>
  <si>
    <t xml:space="preserve">PG&amp;E #29                 </t>
  </si>
  <si>
    <t>POLICE</t>
  </si>
  <si>
    <t>RL040</t>
  </si>
  <si>
    <t>BEAR SPRINGS</t>
  </si>
  <si>
    <t>HORSTMAN</t>
  </si>
  <si>
    <t>720170-63851-2010.gz</t>
  </si>
  <si>
    <t>BLACK OAK MOUNTAIN</t>
  </si>
  <si>
    <t>GREEN TREE</t>
  </si>
  <si>
    <t>HUM20 2</t>
  </si>
  <si>
    <t>725940-24213-2012.gz</t>
  </si>
  <si>
    <t>CAPPS DRIVEWAY</t>
  </si>
  <si>
    <t>PEMBINA TRAIL SNA</t>
  </si>
  <si>
    <t>FY2013-WARREN-007</t>
  </si>
  <si>
    <t>724074-99999-1996.gz</t>
  </si>
  <si>
    <t xml:space="preserve">UN PAC #5                </t>
  </si>
  <si>
    <t>724927-99999-1996.gz</t>
  </si>
  <si>
    <t>WALL CANYON</t>
  </si>
  <si>
    <t>A1C</t>
  </si>
  <si>
    <t>QUALITY ACRES</t>
  </si>
  <si>
    <t>CR 14 #1</t>
  </si>
  <si>
    <t>DAKOTA WES</t>
  </si>
  <si>
    <t>726466-99999-2005.gz</t>
  </si>
  <si>
    <t>723439-53918-2015.gz</t>
  </si>
  <si>
    <t>BALES</t>
  </si>
  <si>
    <t>GRACIE</t>
  </si>
  <si>
    <t>723650-23050-2012.gz</t>
  </si>
  <si>
    <t>SIOUX FIRE</t>
  </si>
  <si>
    <t>EAST LAKE</t>
  </si>
  <si>
    <t>720258-04997-2006.gz</t>
  </si>
  <si>
    <t>720170-63851-2007.gz</t>
  </si>
  <si>
    <t>BIBB</t>
  </si>
  <si>
    <t>723273-13827-2009.gz</t>
  </si>
  <si>
    <t>727135-99999-1995.gz</t>
  </si>
  <si>
    <t>1928 MACKBURG ROAD WINTERSET IA , IA</t>
  </si>
  <si>
    <t>725474-04915-2011.gz</t>
  </si>
  <si>
    <t>TATALINA RIVER</t>
  </si>
  <si>
    <t>52 days 00:00:00.000000000</t>
  </si>
  <si>
    <t>PLYMALE BRANCH ROAD</t>
  </si>
  <si>
    <t>724345-03966-2001.gz</t>
  </si>
  <si>
    <t>PADDLE</t>
  </si>
  <si>
    <t>722745-23109-1995.gz</t>
  </si>
  <si>
    <t>726452-04826-2007.gz</t>
  </si>
  <si>
    <t xml:space="preserve">LIGHTING #42             </t>
  </si>
  <si>
    <t>FY2002-DOUGHERTY-013</t>
  </si>
  <si>
    <t>UNCLE SAM</t>
  </si>
  <si>
    <t>CLAIBORNE</t>
  </si>
  <si>
    <t xml:space="preserve">GREEN                    </t>
  </si>
  <si>
    <t>GAUSE MUTUAL AID 2095</t>
  </si>
  <si>
    <t xml:space="preserve">TECATE 41                </t>
  </si>
  <si>
    <t>725476-04916-2009.gz</t>
  </si>
  <si>
    <t>725280-14733-2015.gz</t>
  </si>
  <si>
    <t>725474-04915-2013.gz</t>
  </si>
  <si>
    <t>GNATKOWSKI</t>
  </si>
  <si>
    <t>REDLANDS</t>
  </si>
  <si>
    <t>HEAT LAMP</t>
  </si>
  <si>
    <t>ROBERT MORE</t>
  </si>
  <si>
    <t>COAL CANYON</t>
  </si>
  <si>
    <t>LINDERMAN RD.</t>
  </si>
  <si>
    <t>720387-99999-2010.gz</t>
  </si>
  <si>
    <t>THREE SKILLET AND GILLILAND ROAD</t>
  </si>
  <si>
    <t>APRIL</t>
  </si>
  <si>
    <t>MS0    1010-4240319005</t>
  </si>
  <si>
    <t>STOMP DANCE</t>
  </si>
  <si>
    <t>CEMETARY R</t>
  </si>
  <si>
    <t>FOLLOWED</t>
  </si>
  <si>
    <t>FY2001-CRAWFORD-019</t>
  </si>
  <si>
    <t>COOPERS</t>
  </si>
  <si>
    <t>LIVINGSTON - 5</t>
  </si>
  <si>
    <t>727120-14607-2002.gz</t>
  </si>
  <si>
    <t>HERLONG#1</t>
  </si>
  <si>
    <t>724880-23185-1994.gz</t>
  </si>
  <si>
    <t>725086-54734-2008.gz</t>
  </si>
  <si>
    <t>LINDEN - 6177</t>
  </si>
  <si>
    <t>WESTWATER 3</t>
  </si>
  <si>
    <t>LITTLE FOOT</t>
  </si>
  <si>
    <t>722788-03186-2007.gz</t>
  </si>
  <si>
    <t>119571-02059-01102015-1913</t>
  </si>
  <si>
    <t>724457-03938-2014.gz</t>
  </si>
  <si>
    <t>FT.KIPP</t>
  </si>
  <si>
    <t>727687-99999-1998.gz</t>
  </si>
  <si>
    <t>LUGINBYHIL</t>
  </si>
  <si>
    <t>NWR-20150618-001</t>
  </si>
  <si>
    <t>FY2000-APPLING-031</t>
  </si>
  <si>
    <t>SAND BEACH (19)</t>
  </si>
  <si>
    <t>994045-99999-2014.gz</t>
  </si>
  <si>
    <t>DOE MOUNTAIN</t>
  </si>
  <si>
    <t>723183-13877-2008.gz</t>
  </si>
  <si>
    <t>491 LEVEE</t>
  </si>
  <si>
    <t>722159-99999-2004.gz</t>
  </si>
  <si>
    <t>725146-54773-2013.gz</t>
  </si>
  <si>
    <t>725144-54723-2009.gz</t>
  </si>
  <si>
    <t xml:space="preserve">WYLE                     </t>
  </si>
  <si>
    <t>KATERI</t>
  </si>
  <si>
    <t>CHARLIE BLK FIRE</t>
  </si>
  <si>
    <t>726438-94994-2006.gz</t>
  </si>
  <si>
    <t>722051-53932-2011.gz</t>
  </si>
  <si>
    <t>5314 BURTON AVE, IOWA</t>
  </si>
  <si>
    <t>725488-04955-2010.gz</t>
  </si>
  <si>
    <t>LIVINGSTON - 990</t>
  </si>
  <si>
    <t>KOEING ROAD</t>
  </si>
  <si>
    <t>998405-99999-2013.gz</t>
  </si>
  <si>
    <t>722017-12876-2009.gz</t>
  </si>
  <si>
    <t>R85</t>
  </si>
  <si>
    <t>724453-99999-1999.gz</t>
  </si>
  <si>
    <t>RACHAEL</t>
  </si>
  <si>
    <t>BROWN'S BOTTOM</t>
  </si>
  <si>
    <t>723525-93986-2012.gz</t>
  </si>
  <si>
    <t>BREAKDOWN</t>
  </si>
  <si>
    <t>LEVY/4 MILE GETAWAY/0419</t>
  </si>
  <si>
    <t>720655-00235-2010.gz</t>
  </si>
  <si>
    <t xml:space="preserve">GRASS FIRE CR 353 </t>
  </si>
  <si>
    <t>BROCKMAN</t>
  </si>
  <si>
    <t>720839-00279-2015.gz</t>
  </si>
  <si>
    <t>SWR-20130314-009</t>
  </si>
  <si>
    <t>SUPPLY 4</t>
  </si>
  <si>
    <t>725945-24283-2005.gz</t>
  </si>
  <si>
    <t>8525 HIWAY 26</t>
  </si>
  <si>
    <t>KUSS</t>
  </si>
  <si>
    <t>TURKEY BR./WOLFPEN BR</t>
  </si>
  <si>
    <t>723083-13763-2014.gz</t>
  </si>
  <si>
    <t>A1302011</t>
  </si>
  <si>
    <t>725570-14943-2002.gz</t>
  </si>
  <si>
    <t>GUN 2</t>
  </si>
  <si>
    <t>WINDY HILL RD.</t>
  </si>
  <si>
    <t>NORTHCREEK</t>
  </si>
  <si>
    <t>MARSHALL HOLDOVER</t>
  </si>
  <si>
    <t>LANE ST  MEAD</t>
  </si>
  <si>
    <t>BELFRIN</t>
  </si>
  <si>
    <t>725845-23225-1993.gz</t>
  </si>
  <si>
    <t>INDIAN RES</t>
  </si>
  <si>
    <t>FY2013-RICHMOND-007</t>
  </si>
  <si>
    <t>726650-94023-2007.gz</t>
  </si>
  <si>
    <t>ECR-20121029-006</t>
  </si>
  <si>
    <t>FY2002-JOHNSON-041</t>
  </si>
  <si>
    <t>OLD 30 RD FIRE</t>
  </si>
  <si>
    <t>TOE</t>
  </si>
  <si>
    <t>AVONDALE HILL ROAD</t>
  </si>
  <si>
    <t>CUBA FIRE</t>
  </si>
  <si>
    <t>725036-14757-1995.gz</t>
  </si>
  <si>
    <t>726676-24087-2015.gz</t>
  </si>
  <si>
    <t xml:space="preserve">EISKAM                   </t>
  </si>
  <si>
    <t>702084-99999-1992.gz</t>
  </si>
  <si>
    <t>FY2002-BULLOCH-154</t>
  </si>
  <si>
    <t>SWR-20120116-011</t>
  </si>
  <si>
    <t>ANSTED HOLLOW</t>
  </si>
  <si>
    <t>DITCHRIDERS</t>
  </si>
  <si>
    <t>722749-53128-2009.gz</t>
  </si>
  <si>
    <t>JOH MID 97</t>
  </si>
  <si>
    <t>MS0    0909-1700320016</t>
  </si>
  <si>
    <t>SMALLPOX</t>
  </si>
  <si>
    <t>RANCHITO</t>
  </si>
  <si>
    <t>COUGAR CREEK</t>
  </si>
  <si>
    <t>CHRIS SOUTH</t>
  </si>
  <si>
    <t>YELLOW ROCK</t>
  </si>
  <si>
    <t>ELEM 312</t>
  </si>
  <si>
    <t>2 MED ELEC</t>
  </si>
  <si>
    <t>MCTIMMONS LANE</t>
  </si>
  <si>
    <t>WILLS CANYON</t>
  </si>
  <si>
    <t>CRAZYELVIS</t>
  </si>
  <si>
    <t>GLENGARY LOOP</t>
  </si>
  <si>
    <t>SURVEY POINT</t>
  </si>
  <si>
    <t>690230-24255-2004.gz</t>
  </si>
  <si>
    <t>HENDERSON - 7147</t>
  </si>
  <si>
    <t>701940-26413-2002.gz</t>
  </si>
  <si>
    <t>725146-54773-2006.gz</t>
  </si>
  <si>
    <t>LINDEN - 143</t>
  </si>
  <si>
    <t>722480-13957-2011.gz</t>
  </si>
  <si>
    <t>QUACAMALLA</t>
  </si>
  <si>
    <t>723654-99999-1999.gz</t>
  </si>
  <si>
    <t>WAPOO</t>
  </si>
  <si>
    <t>702006-26502-2015.gz</t>
  </si>
  <si>
    <t>DECKER</t>
  </si>
  <si>
    <t>TIE CREEK</t>
  </si>
  <si>
    <t>HARD ROCK HILL</t>
  </si>
  <si>
    <t>SUN GLASS</t>
  </si>
  <si>
    <t>91 ST. AVE</t>
  </si>
  <si>
    <t>11359 CR 124</t>
  </si>
  <si>
    <t>FM 2686 RD./N. FM 649 RD.</t>
  </si>
  <si>
    <t>HOLLAMON</t>
  </si>
  <si>
    <t>TRACTOR BUCKET</t>
  </si>
  <si>
    <t>726682-54914-2013.gz</t>
  </si>
  <si>
    <t>SHARON HEIGHTS</t>
  </si>
  <si>
    <t>PLUMTREE</t>
  </si>
  <si>
    <t>CATTAIL</t>
  </si>
  <si>
    <t>UNNAMED FIRE 0817</t>
  </si>
  <si>
    <t xml:space="preserve">F#78 WOLF IC             </t>
  </si>
  <si>
    <t>4916 CARDINAL LANE</t>
  </si>
  <si>
    <t>722200-12832-2005.gz</t>
  </si>
  <si>
    <t xml:space="preserve">COUNTRY                  </t>
  </si>
  <si>
    <t>724238-99999-1997.gz</t>
  </si>
  <si>
    <t>AARONS FORK</t>
  </si>
  <si>
    <t>LINDEN - 572</t>
  </si>
  <si>
    <t>MS0    0808-4240227001</t>
  </si>
  <si>
    <t>992470-99999-1991.gz</t>
  </si>
  <si>
    <t>WINTERPORT</t>
  </si>
  <si>
    <t>726088-14606-1993.gz</t>
  </si>
  <si>
    <t>CONTROL 4</t>
  </si>
  <si>
    <t>ANDERSON RD</t>
  </si>
  <si>
    <t>STASNEY FIRE</t>
  </si>
  <si>
    <t>10-937</t>
  </si>
  <si>
    <t>724066-99999-2002.gz</t>
  </si>
  <si>
    <t>RHODES AVE</t>
  </si>
  <si>
    <t>MS0    0808-6260310005</t>
  </si>
  <si>
    <t>FY2011-LAMAR-004</t>
  </si>
  <si>
    <t>SPRUCEPARK</t>
  </si>
  <si>
    <t>725760-24021-2003.gz</t>
  </si>
  <si>
    <t>722499-99999-2004.gz</t>
  </si>
  <si>
    <t>NATURE PRESERVE</t>
  </si>
  <si>
    <t>TWO MILE HILL</t>
  </si>
  <si>
    <t>REFUGE</t>
  </si>
  <si>
    <t>725895-94236-1998.gz</t>
  </si>
  <si>
    <t>2009-0072</t>
  </si>
  <si>
    <t>BATTLE CRK</t>
  </si>
  <si>
    <t>REDTAIL</t>
  </si>
  <si>
    <t>723783-99999-1999.gz</t>
  </si>
  <si>
    <t>SACK'S LODGE FIRE</t>
  </si>
  <si>
    <t xml:space="preserve">DEWOLF                   </t>
  </si>
  <si>
    <t>726519-94993-2008.gz</t>
  </si>
  <si>
    <t>SW OLD WIRE RD (12)</t>
  </si>
  <si>
    <t>727857-99999-1998.gz</t>
  </si>
  <si>
    <t>SHEEP CRK</t>
  </si>
  <si>
    <t>MCGEE FIRE</t>
  </si>
  <si>
    <t>723079-93796-2012.gz</t>
  </si>
  <si>
    <t>JEANETTE</t>
  </si>
  <si>
    <t>HAYES FIRE</t>
  </si>
  <si>
    <t>SAMI</t>
  </si>
  <si>
    <t xml:space="preserve">FKU #11848               </t>
  </si>
  <si>
    <t>14-1080</t>
  </si>
  <si>
    <t>726650-94023-2014.gz</t>
  </si>
  <si>
    <t>WHISPERING PINES RD</t>
  </si>
  <si>
    <t>PECAN HILL DRIVE</t>
  </si>
  <si>
    <t>13-0099</t>
  </si>
  <si>
    <t>723489-03935-1994.gz</t>
  </si>
  <si>
    <t>BUCKHORN RD. FIRE</t>
  </si>
  <si>
    <t>FY2002-FORSYTH-011</t>
  </si>
  <si>
    <t>726880-24155-1994.gz</t>
  </si>
  <si>
    <t>723750-03103-2007.gz</t>
  </si>
  <si>
    <t>DANNY</t>
  </si>
  <si>
    <t>SITE 1</t>
  </si>
  <si>
    <t>722049-92805-2012.gz</t>
  </si>
  <si>
    <t>OLD FARM</t>
  </si>
  <si>
    <t>SOUTH FORK FIRE</t>
  </si>
  <si>
    <t>724795-99999-2007.gz</t>
  </si>
  <si>
    <t>1496 DEER</t>
  </si>
  <si>
    <t>FY2011-WORTH-099</t>
  </si>
  <si>
    <t xml:space="preserve">RAMAL                    </t>
  </si>
  <si>
    <t>TROUT CREEK #2</t>
  </si>
  <si>
    <t>723040-93729-1992.gz</t>
  </si>
  <si>
    <t>NORTHPOINT</t>
  </si>
  <si>
    <t>727640-24011-2001.gz</t>
  </si>
  <si>
    <t>BUCKSKIN ROAD</t>
  </si>
  <si>
    <t>725868-94184-2008.gz</t>
  </si>
  <si>
    <t>724125-99999-1992.gz</t>
  </si>
  <si>
    <t>SATURDAY</t>
  </si>
  <si>
    <t>INDIAN CHURCH</t>
  </si>
  <si>
    <t>MISSAUKEE 04</t>
  </si>
  <si>
    <t>OLD TURKEY ROAD</t>
  </si>
  <si>
    <t>NC 264W</t>
  </si>
  <si>
    <t>WOLFE CREEK</t>
  </si>
  <si>
    <t>PR 1261 5-20-12</t>
  </si>
  <si>
    <t>MOORES CREEK FIRE</t>
  </si>
  <si>
    <t>MTN VIEW CT</t>
  </si>
  <si>
    <t>CR 347</t>
  </si>
  <si>
    <t>722527-12976-2009.gz</t>
  </si>
  <si>
    <t>COMMISSARY</t>
  </si>
  <si>
    <t>725760-24021-2005.gz</t>
  </si>
  <si>
    <t>722291-00470-2014.gz</t>
  </si>
  <si>
    <t>722648-99999-2005.gz</t>
  </si>
  <si>
    <t>525WAXWING/E.JOHNSON</t>
  </si>
  <si>
    <t>CHEVALIER</t>
  </si>
  <si>
    <t>723448-99999-2000.gz</t>
  </si>
  <si>
    <t>KINCAID</t>
  </si>
  <si>
    <t>722676-03035-2008.gz</t>
  </si>
  <si>
    <t>720603-00195-2013.gz</t>
  </si>
  <si>
    <t>RAIFORD FIRE</t>
  </si>
  <si>
    <t>FY2002-TREUTLEN-080</t>
  </si>
  <si>
    <t>747808-63803-2007.gz</t>
  </si>
  <si>
    <t>724509-53939-2006.gz</t>
  </si>
  <si>
    <t>SWAIN FARM</t>
  </si>
  <si>
    <t xml:space="preserve">SEDONA DR  RUBI          </t>
  </si>
  <si>
    <t>725150-04725-2004.gz</t>
  </si>
  <si>
    <t>LOST CREEK</t>
  </si>
  <si>
    <t>ALUM LICK</t>
  </si>
  <si>
    <t>722648-03031-2008.gz</t>
  </si>
  <si>
    <t>FY2001-HARALSON-042</t>
  </si>
  <si>
    <t>722104-92806-1995.gz</t>
  </si>
  <si>
    <t>F165</t>
  </si>
  <si>
    <t>725626-24091-2010.gz</t>
  </si>
  <si>
    <t>BUTTE CK#4</t>
  </si>
  <si>
    <t>FY2002-BAKER-057</t>
  </si>
  <si>
    <t>DURHAM FIR</t>
  </si>
  <si>
    <t>SNAPPS BRANCH</t>
  </si>
  <si>
    <t>RL245</t>
  </si>
  <si>
    <t>722235-13838-1993.gz</t>
  </si>
  <si>
    <t>FY2013-IRWIN-003</t>
  </si>
  <si>
    <t>NAPAU</t>
  </si>
  <si>
    <t>99 days 00:00:00.000000000</t>
  </si>
  <si>
    <t>ETSITTYSPR</t>
  </si>
  <si>
    <t>HWY 90</t>
  </si>
  <si>
    <t>RIVER OAK # ONE</t>
  </si>
  <si>
    <t>MS0    1111-5030317006</t>
  </si>
  <si>
    <t>744662-63817-2009.gz</t>
  </si>
  <si>
    <t>726088-14606-1999.gz</t>
  </si>
  <si>
    <t>RALSTON 1</t>
  </si>
  <si>
    <t>724094-54743-2008.gz</t>
  </si>
  <si>
    <t>BATHHOUSE CREEK</t>
  </si>
  <si>
    <t>727735-24139-2009.gz</t>
  </si>
  <si>
    <t>HOGG BEND</t>
  </si>
  <si>
    <t>720318-53965-2015.gz</t>
  </si>
  <si>
    <t>JELLY</t>
  </si>
  <si>
    <t>FELTS FIRE</t>
  </si>
  <si>
    <t>720932-00317-2012.gz</t>
  </si>
  <si>
    <t>US 40 MM 160</t>
  </si>
  <si>
    <t>HEADSTART</t>
  </si>
  <si>
    <t>RED PINE</t>
  </si>
  <si>
    <t>994130-99999-2010.gz</t>
  </si>
  <si>
    <t>WYLETTIE</t>
  </si>
  <si>
    <t>722410-12917-2002.gz</t>
  </si>
  <si>
    <t>725512-14989-2014.gz</t>
  </si>
  <si>
    <t>LINDEN - 108</t>
  </si>
  <si>
    <t>722174-23097-2008.gz</t>
  </si>
  <si>
    <t>HWY 108  / SOULSBYVILLE R</t>
  </si>
  <si>
    <t>FY2015-DADE-025</t>
  </si>
  <si>
    <t>723115-53854-2013.gz</t>
  </si>
  <si>
    <t>723300-03975-2010.gz</t>
  </si>
  <si>
    <t>FY2000-JASPER-039</t>
  </si>
  <si>
    <t>724055-99999-2001.gz</t>
  </si>
  <si>
    <t>CR 3526</t>
  </si>
  <si>
    <t>SUCHAVIEW RD.</t>
  </si>
  <si>
    <t>703410-25507-2012.gz</t>
  </si>
  <si>
    <t>330 ANGEL LANE</t>
  </si>
  <si>
    <t>723449-99999-2002.gz</t>
  </si>
  <si>
    <t>12-0000850</t>
  </si>
  <si>
    <t>722547-53942-2012.gz</t>
  </si>
  <si>
    <t>PETE CYN</t>
  </si>
  <si>
    <t>726988-24219-1999.gz</t>
  </si>
  <si>
    <t>LA JOLLA</t>
  </si>
  <si>
    <t>FIRE LANE</t>
  </si>
  <si>
    <t>FY2012-JENKINS-012</t>
  </si>
  <si>
    <t>010 IUA 3</t>
  </si>
  <si>
    <t>722269-99999-2001.gz</t>
  </si>
  <si>
    <t>GRANITE TORS</t>
  </si>
  <si>
    <t>702650-26407-2010.gz</t>
  </si>
  <si>
    <t>GREEN RIDGE</t>
  </si>
  <si>
    <t>725784-99999-2004.gz</t>
  </si>
  <si>
    <t>BELATED GROUNDHOG DAY</t>
  </si>
  <si>
    <t>218TH ROAD (02)</t>
  </si>
  <si>
    <t>725424-04885-2009.gz</t>
  </si>
  <si>
    <t>726165-99999-1998.gz</t>
  </si>
  <si>
    <t>690230-24255-1998.gz</t>
  </si>
  <si>
    <t>ASTI RD  CLOVERDALE</t>
  </si>
  <si>
    <t>725905-23275-2012.gz</t>
  </si>
  <si>
    <t>722154-99999-2003.gz</t>
  </si>
  <si>
    <t>SMOKEY RIDGE</t>
  </si>
  <si>
    <t>723555-93940-2009.gz</t>
  </si>
  <si>
    <t xml:space="preserve">SLOUGH                   </t>
  </si>
  <si>
    <t>LOVE</t>
  </si>
  <si>
    <t>FY2015-TAYLOR-004</t>
  </si>
  <si>
    <t>747806-63809-2014.gz</t>
  </si>
  <si>
    <t>VICTRINE</t>
  </si>
  <si>
    <t>DOLLS</t>
  </si>
  <si>
    <t>MONTAGUE</t>
  </si>
  <si>
    <t>UNIT 16</t>
  </si>
  <si>
    <t>726626-99999-2003.gz</t>
  </si>
  <si>
    <t>SHIRE</t>
  </si>
  <si>
    <t>POTOSI MINE</t>
  </si>
  <si>
    <t>727437-94893-2011.gz</t>
  </si>
  <si>
    <t xml:space="preserve">IRONWOOD                 </t>
  </si>
  <si>
    <t>722269-03850-2007.gz</t>
  </si>
  <si>
    <t>FY2001-LEE-042</t>
  </si>
  <si>
    <t>NWR-20131111-005</t>
  </si>
  <si>
    <t>BUELAH</t>
  </si>
  <si>
    <t>723677-23054-2000.gz</t>
  </si>
  <si>
    <t>MIDDLE FORK</t>
  </si>
  <si>
    <t>COOK'S GRADE</t>
  </si>
  <si>
    <t>727830-24149-2005.gz</t>
  </si>
  <si>
    <t>FM1770 COUNTY LINE DAY 4</t>
  </si>
  <si>
    <t>LIGHTNING2</t>
  </si>
  <si>
    <t>CHOLAME</t>
  </si>
  <si>
    <t>720348-63886-2007.gz</t>
  </si>
  <si>
    <t>MOONLAKE</t>
  </si>
  <si>
    <t xml:space="preserve">1FKU005531               </t>
  </si>
  <si>
    <t>BOWIE</t>
  </si>
  <si>
    <t>726385-99999-1998.gz</t>
  </si>
  <si>
    <t>WISEHART</t>
  </si>
  <si>
    <t>726514-94032-2011.gz</t>
  </si>
  <si>
    <t>722735-93026-1992.gz</t>
  </si>
  <si>
    <t>RACE</t>
  </si>
  <si>
    <t>726444-99999-2003.gz</t>
  </si>
  <si>
    <t>3 MILE</t>
  </si>
  <si>
    <t>119154-05161-02242015-1114</t>
  </si>
  <si>
    <t>TRIPLE DEUCES</t>
  </si>
  <si>
    <t>13-0360</t>
  </si>
  <si>
    <t>CR 359</t>
  </si>
  <si>
    <t>722202-12985-2011.gz</t>
  </si>
  <si>
    <t xml:space="preserve">FORTUNE                  </t>
  </si>
  <si>
    <t>SAND CREEK ROAD</t>
  </si>
  <si>
    <t>FAIRBANKS (67)</t>
  </si>
  <si>
    <t>722268-13839-2007.gz</t>
  </si>
  <si>
    <t>725016-99999-2004.gz</t>
  </si>
  <si>
    <t>FY2013-JOHNSON-027</t>
  </si>
  <si>
    <t>720951-00330-2012.gz</t>
  </si>
  <si>
    <t>FY2002-DEKALB-001</t>
  </si>
  <si>
    <t>724118-93797-2012.gz</t>
  </si>
  <si>
    <t>SHELTON</t>
  </si>
  <si>
    <t xml:space="preserve">NELSON                   </t>
  </si>
  <si>
    <t>FY2015-SUMTER-024</t>
  </si>
  <si>
    <t>FY2015-MONROE-010</t>
  </si>
  <si>
    <t>GOLDEN (28)</t>
  </si>
  <si>
    <t>LION</t>
  </si>
  <si>
    <t>ANGEL</t>
  </si>
  <si>
    <t>723896-93144-2015.gz</t>
  </si>
  <si>
    <t>722255-93842-1996.gz</t>
  </si>
  <si>
    <t>724088-13707-1996.gz</t>
  </si>
  <si>
    <t>DIAMOND B RANCH</t>
  </si>
  <si>
    <t>FY2000-LOWNDES-156</t>
  </si>
  <si>
    <t>MUDDY</t>
  </si>
  <si>
    <t>723165-99999-2005.gz</t>
  </si>
  <si>
    <t>BACK VALLEY RD.</t>
  </si>
  <si>
    <t>724113-99999-2004.gz</t>
  </si>
  <si>
    <t>R77</t>
  </si>
  <si>
    <t>727445-99999-2003.gz</t>
  </si>
  <si>
    <t>725145-99999-2001.gz</t>
  </si>
  <si>
    <t>SENATIS MOUNTAIN</t>
  </si>
  <si>
    <t>701793-26524-2009.gz</t>
  </si>
  <si>
    <t>726578-04944-2007.gz</t>
  </si>
  <si>
    <t>KECKS</t>
  </si>
  <si>
    <t>723840-23155-2009.gz</t>
  </si>
  <si>
    <t>SHANK</t>
  </si>
  <si>
    <t>722953-03183-2008.gz</t>
  </si>
  <si>
    <t>JUST HUNG UP</t>
  </si>
  <si>
    <t>GRASS FIRE I-45 SB @ 188</t>
  </si>
  <si>
    <t>15-3381 EARL RUDDER FIRE</t>
  </si>
  <si>
    <t>998205-99999-2010.gz</t>
  </si>
  <si>
    <t>AMANDA</t>
  </si>
  <si>
    <t>OT30</t>
  </si>
  <si>
    <t>CR 247</t>
  </si>
  <si>
    <t>COUNTY RD 95, AL</t>
  </si>
  <si>
    <t>FY2015-BROOKS-006</t>
  </si>
  <si>
    <t>LEADING RIDGE</t>
  </si>
  <si>
    <t>SANDLICK CREEK</t>
  </si>
  <si>
    <t>GRAYSON LA</t>
  </si>
  <si>
    <t xml:space="preserve">SOUTH 2ND </t>
  </si>
  <si>
    <t>726427-54908-2007.gz</t>
  </si>
  <si>
    <t>724363-13803-1992.gz</t>
  </si>
  <si>
    <t>SPRING21</t>
  </si>
  <si>
    <t>725145-54746-2015.gz</t>
  </si>
  <si>
    <t>723894-03181-2008.gz</t>
  </si>
  <si>
    <t>SENIOR</t>
  </si>
  <si>
    <t>723926-23136-2005.gz</t>
  </si>
  <si>
    <t>LIVINGSTON - 642</t>
  </si>
  <si>
    <t>KAYEM</t>
  </si>
  <si>
    <t>SER-20140121-005</t>
  </si>
  <si>
    <t>UNNAMED FIRE 1931</t>
  </si>
  <si>
    <t>S.S. NORTHSHORE</t>
  </si>
  <si>
    <t>DINNER ISLAND  #3    18</t>
  </si>
  <si>
    <t>FY2015-POLK-002</t>
  </si>
  <si>
    <t>724699-99999-1992.gz</t>
  </si>
  <si>
    <t>BRYANT FIRE</t>
  </si>
  <si>
    <t>LIVINGSTON - 163</t>
  </si>
  <si>
    <t>ALCALOE</t>
  </si>
  <si>
    <t>726650-99999-2002.gz</t>
  </si>
  <si>
    <t>STRAWBERRY</t>
  </si>
  <si>
    <t>004 WINDY DAY</t>
  </si>
  <si>
    <t>722487-13935-2012.gz</t>
  </si>
  <si>
    <t>SAUCY CALF 2</t>
  </si>
  <si>
    <t>720357-53993-2006.gz</t>
  </si>
  <si>
    <t xml:space="preserve">AERO                     </t>
  </si>
  <si>
    <t>SLAB</t>
  </si>
  <si>
    <t>723555-93940-2007.gz</t>
  </si>
  <si>
    <t>HOLAHTA</t>
  </si>
  <si>
    <t>702695-99999-2002.gz</t>
  </si>
  <si>
    <t>720361-63870-2009.gz</t>
  </si>
  <si>
    <t>722689-23077-2012.gz</t>
  </si>
  <si>
    <t>HAYFIELD</t>
  </si>
  <si>
    <t xml:space="preserve">7700 BOEHNEMANN </t>
  </si>
  <si>
    <t xml:space="preserve">BUMPY                    </t>
  </si>
  <si>
    <t>CR 305</t>
  </si>
  <si>
    <t>722570-99999-2003.gz</t>
  </si>
  <si>
    <t>RADAR BALL</t>
  </si>
  <si>
    <t>WARTHAN</t>
  </si>
  <si>
    <t>MS0    1111-4460507002</t>
  </si>
  <si>
    <t>BEAR BRANC</t>
  </si>
  <si>
    <t>FY2002-CRISP-046</t>
  </si>
  <si>
    <t xml:space="preserve">COPPER                   </t>
  </si>
  <si>
    <t>FY2001-WHEELER-045</t>
  </si>
  <si>
    <t>BUCK CREEK</t>
  </si>
  <si>
    <t>MINERSNOSE</t>
  </si>
  <si>
    <t>726164-54728-2009.gz</t>
  </si>
  <si>
    <t>BULL CREEK</t>
  </si>
  <si>
    <t xml:space="preserve">MC NAMMARA               </t>
  </si>
  <si>
    <t>BON</t>
  </si>
  <si>
    <t>BHPL</t>
  </si>
  <si>
    <t>723066-13713-1995.gz</t>
  </si>
  <si>
    <t>R J CORMAN FIRE</t>
  </si>
  <si>
    <t>724230-93821-2010.gz</t>
  </si>
  <si>
    <t xml:space="preserve">MOBIL OIL #4             </t>
  </si>
  <si>
    <t>86 OIL COMPANY FIRE</t>
  </si>
  <si>
    <t>BAILEY &amp; COOPER RD</t>
  </si>
  <si>
    <t>LEDGE</t>
  </si>
  <si>
    <t>723750-03103-2005.gz</t>
  </si>
  <si>
    <t>726555-94938-2011.gz</t>
  </si>
  <si>
    <t>726559-94976-2012.gz</t>
  </si>
  <si>
    <t>MOLALLARVR</t>
  </si>
  <si>
    <t>726881-99999-2005.gz</t>
  </si>
  <si>
    <t>FY2015-TWIGGS-028</t>
  </si>
  <si>
    <t>LEE-ABC COMPLEX</t>
  </si>
  <si>
    <t>USUAL 2</t>
  </si>
  <si>
    <t>722330-53865-2007.gz</t>
  </si>
  <si>
    <t>700 BINGO</t>
  </si>
  <si>
    <t>FLYING M</t>
  </si>
  <si>
    <t>SEWER</t>
  </si>
  <si>
    <t>722689-99999-1998.gz</t>
  </si>
  <si>
    <t>SPRING THREAT</t>
  </si>
  <si>
    <t>722486-13942-2010.gz</t>
  </si>
  <si>
    <t>NAN 2</t>
  </si>
  <si>
    <t>722720-93026-2011.gz</t>
  </si>
  <si>
    <t>PHILADELPHIA</t>
  </si>
  <si>
    <t>HOLIDAY BEACH</t>
  </si>
  <si>
    <t>SPEER</t>
  </si>
  <si>
    <t>KINGS FERRY</t>
  </si>
  <si>
    <t>724336-93810-2010.gz</t>
  </si>
  <si>
    <t xml:space="preserve">PECAN PARK RD (16)   </t>
  </si>
  <si>
    <t>BURNT STORE RD 2 (08)</t>
  </si>
  <si>
    <t xml:space="preserve">BENDER                   </t>
  </si>
  <si>
    <t>CR 4206 FIRE</t>
  </si>
  <si>
    <t>ECR-20140826-001</t>
  </si>
  <si>
    <t>HENDERSON FIRE</t>
  </si>
  <si>
    <t>722040-12838-2001.gz</t>
  </si>
  <si>
    <t>ROAD CREEK</t>
  </si>
  <si>
    <t>BLUEWATER</t>
  </si>
  <si>
    <t>747320-23002-2007.gz</t>
  </si>
  <si>
    <t>727825-94239-2007.gz</t>
  </si>
  <si>
    <t>MULE CANYON</t>
  </si>
  <si>
    <t>723663-03012-2011.gz</t>
  </si>
  <si>
    <t>CR312</t>
  </si>
  <si>
    <t>FY2013-BRYAN NORTH-003</t>
  </si>
  <si>
    <t>EASTWOOD</t>
  </si>
  <si>
    <t>MS0    1111-3650117002</t>
  </si>
  <si>
    <t>726544-99999-1998.gz</t>
  </si>
  <si>
    <t>PETERSON</t>
  </si>
  <si>
    <t>MOCCASIN</t>
  </si>
  <si>
    <t>HORNSTRA</t>
  </si>
  <si>
    <t>711680-99999-2014.gz</t>
  </si>
  <si>
    <t xml:space="preserve">STATE 1244               </t>
  </si>
  <si>
    <t>747040-03102-2005.gz</t>
  </si>
  <si>
    <t>COW HLW</t>
  </si>
  <si>
    <t>FY2001-CANDLER-006</t>
  </si>
  <si>
    <t xml:space="preserve">CREEK#4                  </t>
  </si>
  <si>
    <t>747910-13717-1991.gz</t>
  </si>
  <si>
    <t>723068-93759-2009.gz</t>
  </si>
  <si>
    <t>TEMPELMEYER</t>
  </si>
  <si>
    <t>PEPSI</t>
  </si>
  <si>
    <t>0271 SERVICE CREEK</t>
  </si>
  <si>
    <t>FY2011-MARION-039</t>
  </si>
  <si>
    <t>LOCK 10 ROAD</t>
  </si>
  <si>
    <t>FLOW WELL2</t>
  </si>
  <si>
    <t>CANAL #1</t>
  </si>
  <si>
    <t>722429-53910-2007.gz</t>
  </si>
  <si>
    <t>LIVINGSTON - 103</t>
  </si>
  <si>
    <t>MS0    1111-3640531003</t>
  </si>
  <si>
    <t>744864-54787-2010.gz</t>
  </si>
  <si>
    <t>PRIMM SPRINGS RD FIRE</t>
  </si>
  <si>
    <t>FY2015-LAURENS-081</t>
  </si>
  <si>
    <t>722053-12841-1991.gz</t>
  </si>
  <si>
    <t>BIGBEND</t>
  </si>
  <si>
    <t>725700-99999-1996.gz</t>
  </si>
  <si>
    <t>FY2011-LONG-044</t>
  </si>
  <si>
    <t>LIGHTING STRIKE</t>
  </si>
  <si>
    <t>785145-11653-2012.gz</t>
  </si>
  <si>
    <t>727770-94012-2009.gz</t>
  </si>
  <si>
    <t>AMBRO</t>
  </si>
  <si>
    <t>GOLD SPRINGS RD    (64)</t>
  </si>
  <si>
    <t>WOLF MOON</t>
  </si>
  <si>
    <t>FT MEAD9 1</t>
  </si>
  <si>
    <t>726605-99999-1999.gz</t>
  </si>
  <si>
    <t xml:space="preserve">STEEP                    </t>
  </si>
  <si>
    <t>724927-23285-2003.gz</t>
  </si>
  <si>
    <t>ATV</t>
  </si>
  <si>
    <t>CHEF-11</t>
  </si>
  <si>
    <t>722316-12958-1993.gz</t>
  </si>
  <si>
    <t>724463-13988-2007.gz</t>
  </si>
  <si>
    <t>FM 67 EAST</t>
  </si>
  <si>
    <t>FLAMING BUZZARD</t>
  </si>
  <si>
    <t>FY2002-PAULDING-010</t>
  </si>
  <si>
    <t>PIGMEN#3</t>
  </si>
  <si>
    <t>CLOSE ONE</t>
  </si>
  <si>
    <t>OPHIR HILL # 2</t>
  </si>
  <si>
    <t>702320-26516-2008.gz</t>
  </si>
  <si>
    <t>MS0    1010-3330226007</t>
  </si>
  <si>
    <t>MUD HOLLOW FIRE</t>
  </si>
  <si>
    <t>FY2000-FRANKLIN-015</t>
  </si>
  <si>
    <t>OTAY #4</t>
  </si>
  <si>
    <t xml:space="preserve">FEENEY                   </t>
  </si>
  <si>
    <t>OUT TO LUNCH FIRE</t>
  </si>
  <si>
    <t>726487-99999-2004.gz</t>
  </si>
  <si>
    <t>KIMRSMITH</t>
  </si>
  <si>
    <t>724077-99999-1999.gz</t>
  </si>
  <si>
    <t>723546-13969-2003.gz</t>
  </si>
  <si>
    <t>MARINER VILLAGE (43)</t>
  </si>
  <si>
    <t>722189-92815-2012.gz</t>
  </si>
  <si>
    <t>MONNETT ROAD</t>
  </si>
  <si>
    <t>LAVA LAKE</t>
  </si>
  <si>
    <t>725865-99999-1996.gz</t>
  </si>
  <si>
    <t>HWY 53</t>
  </si>
  <si>
    <t>BRALEY FIRE</t>
  </si>
  <si>
    <t>EASTER DAY</t>
  </si>
  <si>
    <t>720110-53983-2011.gz</t>
  </si>
  <si>
    <t>994410-99999-1999.gz</t>
  </si>
  <si>
    <t>725150-04725-2003.gz</t>
  </si>
  <si>
    <t>FM 2285</t>
  </si>
  <si>
    <t>722362-93937-2013.gz</t>
  </si>
  <si>
    <t>PAN TAK</t>
  </si>
  <si>
    <t>720339-00121-2014.gz</t>
  </si>
  <si>
    <t>HWY 152  E/ DELTA RD</t>
  </si>
  <si>
    <t xml:space="preserve">2 SE </t>
  </si>
  <si>
    <t>727827-24110-2011.gz</t>
  </si>
  <si>
    <t>7238CR275</t>
  </si>
  <si>
    <t>CHRISTIE</t>
  </si>
  <si>
    <t>WILL ROGERS</t>
  </si>
  <si>
    <t>COOPER HOLLOW</t>
  </si>
  <si>
    <t>722177-63811-2011.gz</t>
  </si>
  <si>
    <t>RANGE 41 REPEAT</t>
  </si>
  <si>
    <t>BIG OL MONSTER</t>
  </si>
  <si>
    <t>FY2012-TATTNALL-068</t>
  </si>
  <si>
    <t>HECKER</t>
  </si>
  <si>
    <t>WRANGLER</t>
  </si>
  <si>
    <t>ASHBECKER</t>
  </si>
  <si>
    <t>FISHER</t>
  </si>
  <si>
    <t>997302-99999-2010.gz</t>
  </si>
  <si>
    <t>MCMANUS RD</t>
  </si>
  <si>
    <t>FY2001-CARROLL-004</t>
  </si>
  <si>
    <t>LIVINGSTON CRESSEY RD  36</t>
  </si>
  <si>
    <t>724094-99999-2003.gz</t>
  </si>
  <si>
    <t>726650-94023-2008.gz</t>
  </si>
  <si>
    <t>JUNIPER RIDGE</t>
  </si>
  <si>
    <t>PUMICE</t>
  </si>
  <si>
    <t>725456-99999-1996.gz</t>
  </si>
  <si>
    <t>TOM SPRING</t>
  </si>
  <si>
    <t>724773-99999-1993.gz</t>
  </si>
  <si>
    <t>NO BOAT FIRE</t>
  </si>
  <si>
    <t>722312-03908-2015.gz</t>
  </si>
  <si>
    <t>MECOSTA 03</t>
  </si>
  <si>
    <t>725416-14864-2015.gz</t>
  </si>
  <si>
    <t>MS0    0909-2040209021</t>
  </si>
  <si>
    <t>722359-13978-2009.gz</t>
  </si>
  <si>
    <t>HAGER FORK</t>
  </si>
  <si>
    <t>PINON KNOB</t>
  </si>
  <si>
    <t>722747-93084-2008.gz</t>
  </si>
  <si>
    <t>CANEY BOTTOM</t>
  </si>
  <si>
    <t>AVE</t>
  </si>
  <si>
    <t>CARIBBEAN CIRCLE (10)</t>
  </si>
  <si>
    <t>112 days 00:00:00.000000000</t>
  </si>
  <si>
    <t xml:space="preserve">COFFMIN                  </t>
  </si>
  <si>
    <t>SEVERSON 03</t>
  </si>
  <si>
    <t>VINEYARD FIRE</t>
  </si>
  <si>
    <t>V SMITH LAKE</t>
  </si>
  <si>
    <t>HIGH LONESOME</t>
  </si>
  <si>
    <t xml:space="preserve">NEW YORK                 </t>
  </si>
  <si>
    <t>2009-195</t>
  </si>
  <si>
    <t>ANNIE FIXICO</t>
  </si>
  <si>
    <t>ONSUREZ RD 2</t>
  </si>
  <si>
    <t>MS0    0808-3331120001</t>
  </si>
  <si>
    <t xml:space="preserve">HURON CTY.52             </t>
  </si>
  <si>
    <t>RMK 1</t>
  </si>
  <si>
    <t>911700-99999-2000.gz</t>
  </si>
  <si>
    <t>FY2012-HARALSON-011</t>
  </si>
  <si>
    <t>TURKEY TRACK FIRE</t>
  </si>
  <si>
    <t>747915-93718-2011.gz</t>
  </si>
  <si>
    <t>FY2002-CHATTOOGA-090</t>
  </si>
  <si>
    <t xml:space="preserve">ARMSTRONG IC             </t>
  </si>
  <si>
    <t>WIESE</t>
  </si>
  <si>
    <t>TANKER 123 CRASH</t>
  </si>
  <si>
    <t>724769-99999-2002.gz</t>
  </si>
  <si>
    <t>NAF</t>
  </si>
  <si>
    <t>725869-94186-1998.gz</t>
  </si>
  <si>
    <t>KENTUCK MOUNTAIN</t>
  </si>
  <si>
    <t>SKULL</t>
  </si>
  <si>
    <t>722235-13838-2006.gz</t>
  </si>
  <si>
    <t>BIG FLAT</t>
  </si>
  <si>
    <t>RT. 469</t>
  </si>
  <si>
    <t>RL460</t>
  </si>
  <si>
    <t>BULLY</t>
  </si>
  <si>
    <t>KELLY KNOB ROAD</t>
  </si>
  <si>
    <t>JOH2006915</t>
  </si>
  <si>
    <t>720110-53983-2009.gz</t>
  </si>
  <si>
    <t>723447-99999-2004.gz</t>
  </si>
  <si>
    <t>DROOP</t>
  </si>
  <si>
    <t>724127-53801-2011.gz</t>
  </si>
  <si>
    <t>STORM</t>
  </si>
  <si>
    <t>MARION/MARION OAKS 151 FIRE</t>
  </si>
  <si>
    <t>BUCK-179</t>
  </si>
  <si>
    <t>725895-94236-2007.gz</t>
  </si>
  <si>
    <t>722890-99999-2002.gz</t>
  </si>
  <si>
    <t>724490-13993-2015.gz</t>
  </si>
  <si>
    <t>E LIPAN DR</t>
  </si>
  <si>
    <t>720286-53977-2014.gz</t>
  </si>
  <si>
    <t>CHAPEL LANE FIRE</t>
  </si>
  <si>
    <t>723274-00372-2015.gz</t>
  </si>
  <si>
    <t>722253-53992-2007.gz</t>
  </si>
  <si>
    <t>723556-99999-2004.gz</t>
  </si>
  <si>
    <t xml:space="preserve">SAN GREGORIO IC          </t>
  </si>
  <si>
    <t>HAMILTION FIRE</t>
  </si>
  <si>
    <t>722231-00357-2012.gz</t>
  </si>
  <si>
    <t>726865-99999-2002.gz</t>
  </si>
  <si>
    <t>ACR431 SH287N</t>
  </si>
  <si>
    <t>727770-94012-2014.gz</t>
  </si>
  <si>
    <t>LONE STAR @ 287</t>
  </si>
  <si>
    <t>722593-03985-2011.gz</t>
  </si>
  <si>
    <t xml:space="preserve">STEEN </t>
  </si>
  <si>
    <t>MECHANICAL</t>
  </si>
  <si>
    <t>722748-99999-2003.gz</t>
  </si>
  <si>
    <t>FY2015-THOMAS-016</t>
  </si>
  <si>
    <t>720738-00267-2015.gz</t>
  </si>
  <si>
    <t>FY2014-EFFINGHAM-011</t>
  </si>
  <si>
    <t xml:space="preserve">WAGAR                    </t>
  </si>
  <si>
    <t>723895-99999-1994.gz</t>
  </si>
  <si>
    <t>721 FM 1001</t>
  </si>
  <si>
    <t>WOODS MTN.</t>
  </si>
  <si>
    <t>LAMB</t>
  </si>
  <si>
    <t>KETTENPOM</t>
  </si>
  <si>
    <t>725848-99999-1999.gz</t>
  </si>
  <si>
    <t>RHODES GRASS FIRE</t>
  </si>
  <si>
    <t>722068-99999-2001.gz</t>
  </si>
  <si>
    <t>SCHAFNER FIRE</t>
  </si>
  <si>
    <t>720404-00134-2011.gz</t>
  </si>
  <si>
    <t>NER-20140322-003</t>
  </si>
  <si>
    <t>720504-99999-2014.gz</t>
  </si>
  <si>
    <t>2013-18-0088- RETIREMENT (13)</t>
  </si>
  <si>
    <t>722029-12888-2013.gz</t>
  </si>
  <si>
    <t>722576-03902-2006.gz</t>
  </si>
  <si>
    <t>FY2015-MARION-013</t>
  </si>
  <si>
    <t>LOCAL FIRE</t>
  </si>
  <si>
    <t>747187-03104-1998.gz</t>
  </si>
  <si>
    <t>FY2011-BACON-061</t>
  </si>
  <si>
    <t xml:space="preserve">BOAT                     </t>
  </si>
  <si>
    <t>STOMPIN</t>
  </si>
  <si>
    <t>N CHIHUAHUA</t>
  </si>
  <si>
    <t>722520-99999-2005.gz</t>
  </si>
  <si>
    <t>STIPA</t>
  </si>
  <si>
    <t>723710-03162-2007.gz</t>
  </si>
  <si>
    <t>WILLIAMS DR. (36)</t>
  </si>
  <si>
    <t>727735-99999-2003.gz</t>
  </si>
  <si>
    <t>LITTLE RUNNER</t>
  </si>
  <si>
    <t>HARRY O TWO</t>
  </si>
  <si>
    <t>SPORTSMAN ADDITION</t>
  </si>
  <si>
    <t>CLARE 16</t>
  </si>
  <si>
    <t>TALAWANDA5</t>
  </si>
  <si>
    <t xml:space="preserve">INDIAN LIGHTNING         </t>
  </si>
  <si>
    <t>723747-03101-2008.gz</t>
  </si>
  <si>
    <t>725541-04993-2011.gz</t>
  </si>
  <si>
    <t>NEW CANYON</t>
  </si>
  <si>
    <t>724796-94128-1999.gz</t>
  </si>
  <si>
    <t>CODY ROAD 9999-2</t>
  </si>
  <si>
    <t>1331 F.M. 203</t>
  </si>
  <si>
    <t>RUSS MILLER LANE</t>
  </si>
  <si>
    <t>HENDERSON - 315</t>
  </si>
  <si>
    <t>723066-13713-1992.gz</t>
  </si>
  <si>
    <t xml:space="preserve">ATLAS                    </t>
  </si>
  <si>
    <t>HOG HOUSE FIRE</t>
  </si>
  <si>
    <t>WHITFIELD FIRE</t>
  </si>
  <si>
    <t>SHAKERAG1</t>
  </si>
  <si>
    <t>LOG PIT</t>
  </si>
  <si>
    <t>FOURTH OF JULY</t>
  </si>
  <si>
    <t>HENDERSON - 7128</t>
  </si>
  <si>
    <t>STODDARD</t>
  </si>
  <si>
    <t xml:space="preserve">MARK WEST #1             </t>
  </si>
  <si>
    <t>FAN</t>
  </si>
  <si>
    <t>TOBY GORDON PASTURE FIRE</t>
  </si>
  <si>
    <t>722536-12911-2010.gz</t>
  </si>
  <si>
    <t>723754-93027-2012.gz</t>
  </si>
  <si>
    <t>FY2015-TERRELL-007</t>
  </si>
  <si>
    <t xml:space="preserve">COOLEY                   </t>
  </si>
  <si>
    <t>WARDS CR 2</t>
  </si>
  <si>
    <t>724303-14813-2005.gz</t>
  </si>
  <si>
    <t>725186-99999-2007.gz</t>
  </si>
  <si>
    <t>NOR-20140401-005</t>
  </si>
  <si>
    <t>MS0    1111-3640104001</t>
  </si>
  <si>
    <t>KENNER WPA</t>
  </si>
  <si>
    <t>727478-04934-2012.gz</t>
  </si>
  <si>
    <t>726440-14925-2003.gz</t>
  </si>
  <si>
    <t>MANUKA</t>
  </si>
  <si>
    <t>720976-00345-2015.gz</t>
  </si>
  <si>
    <t>SKYLINE DR</t>
  </si>
  <si>
    <t>AC LANE</t>
  </si>
  <si>
    <t>723156-63812-2007.gz</t>
  </si>
  <si>
    <t>FY2015-HALL-013</t>
  </si>
  <si>
    <t>722185-53838-2015.gz</t>
  </si>
  <si>
    <t>722134-63822-2010.gz</t>
  </si>
  <si>
    <t>IXL 2</t>
  </si>
  <si>
    <t>NER-20140125-007</t>
  </si>
  <si>
    <t>ISLAND</t>
  </si>
  <si>
    <t>722800-99999-2004.gz</t>
  </si>
  <si>
    <t>FY2012-GWINNETT SOUTH-004</t>
  </si>
  <si>
    <t>MANURE LAGOON</t>
  </si>
  <si>
    <t>TWIN</t>
  </si>
  <si>
    <t>ANOTHY HUBACEK</t>
  </si>
  <si>
    <t>THUNDER CITY</t>
  </si>
  <si>
    <t>725864-94182-2013.gz</t>
  </si>
  <si>
    <t>FOX TWO</t>
  </si>
  <si>
    <t>724940-23234-2013.gz</t>
  </si>
  <si>
    <t>TURKEY RD/GRASS</t>
  </si>
  <si>
    <t>I 10  E/ HIGHLAND SPRINGS</t>
  </si>
  <si>
    <t>30/HWY 179A WEST -0545</t>
  </si>
  <si>
    <t>FY2000-TWIGGS-060</t>
  </si>
  <si>
    <t>FY2013-COWETA-012</t>
  </si>
  <si>
    <t>NORTH COWAN STREET FIRE</t>
  </si>
  <si>
    <t>725294-00383-2010.gz</t>
  </si>
  <si>
    <t>LONGLEAF</t>
  </si>
  <si>
    <t>720399-99999-2014.gz</t>
  </si>
  <si>
    <t>478TH AVE</t>
  </si>
  <si>
    <t>LA CRESCENTA</t>
  </si>
  <si>
    <t>725755-24101-1998.gz</t>
  </si>
  <si>
    <t>KOPADDY</t>
  </si>
  <si>
    <t xml:space="preserve">ANDERSON                 </t>
  </si>
  <si>
    <t>MS0    0808-2530818001</t>
  </si>
  <si>
    <t>MINERS 2</t>
  </si>
  <si>
    <t>CEDAR VIEW</t>
  </si>
  <si>
    <t>725628-04935-2014.gz</t>
  </si>
  <si>
    <t xml:space="preserve">REDGATE                  </t>
  </si>
  <si>
    <t>MOTEN MTN. FIRE</t>
  </si>
  <si>
    <t>722527-12976-2008.gz</t>
  </si>
  <si>
    <t>BARGER CEMETARY ROAD</t>
  </si>
  <si>
    <t>EAST BUFFALO</t>
  </si>
  <si>
    <t>LAPLATTA</t>
  </si>
  <si>
    <t>725750-99999-2001.gz</t>
  </si>
  <si>
    <t>747750-13846-2004.gz</t>
  </si>
  <si>
    <t>722788-99999-1994.gz</t>
  </si>
  <si>
    <t>FY2012-CALHOUN-014</t>
  </si>
  <si>
    <t>720257-63835-2012.gz</t>
  </si>
  <si>
    <t xml:space="preserve">RENTERIA                 </t>
  </si>
  <si>
    <t>724955-99999-1998.gz</t>
  </si>
  <si>
    <t>BAREFOOT</t>
  </si>
  <si>
    <t>BARN</t>
  </si>
  <si>
    <t>HARVSTHILL</t>
  </si>
  <si>
    <t>CUT STONE</t>
  </si>
  <si>
    <t>MAPLE RIVER BOTTOM FIRE</t>
  </si>
  <si>
    <t>CAR FIRE 446</t>
  </si>
  <si>
    <t>726418-54912-2009.gz</t>
  </si>
  <si>
    <t xml:space="preserve">SYCAMORE                 </t>
  </si>
  <si>
    <t>KKA NE 12</t>
  </si>
  <si>
    <t>722141-03731-2009.gz</t>
  </si>
  <si>
    <t>SMITH MILL</t>
  </si>
  <si>
    <t>725156-99999-2000.gz</t>
  </si>
  <si>
    <t>SOUTHEASTERN</t>
  </si>
  <si>
    <t>FY2001-DODGE-142</t>
  </si>
  <si>
    <t>HWY 87 ROUND HILL FIRE</t>
  </si>
  <si>
    <t>LITTLE SYCAMORE</t>
  </si>
  <si>
    <t>DAVIDSON RIVER</t>
  </si>
  <si>
    <t>LINDEN - 51</t>
  </si>
  <si>
    <t>POST RD</t>
  </si>
  <si>
    <t>746935-03709-2011.gz</t>
  </si>
  <si>
    <t>GLENDON FIRE</t>
  </si>
  <si>
    <t>FY2011-POLK-067</t>
  </si>
  <si>
    <t>NWR-20140910-002</t>
  </si>
  <si>
    <t>BLOCKER</t>
  </si>
  <si>
    <t>725524-94958-2010.gz</t>
  </si>
  <si>
    <t>BIG TOP</t>
  </si>
  <si>
    <t>722224-53862-2009.gz</t>
  </si>
  <si>
    <t>RL210</t>
  </si>
  <si>
    <t>722563-53952-2007.gz</t>
  </si>
  <si>
    <t>725220-14750-2014.gz</t>
  </si>
  <si>
    <t>MARSHALL CHAPEL</t>
  </si>
  <si>
    <t>724077-54779-2011.gz</t>
  </si>
  <si>
    <t>LOS VELAS</t>
  </si>
  <si>
    <t>720276-12983-2014.gz</t>
  </si>
  <si>
    <t>CRUME</t>
  </si>
  <si>
    <t>FY2011-COWETA-037</t>
  </si>
  <si>
    <t>722042-53978-2012.gz</t>
  </si>
  <si>
    <t>MORGAN FORK</t>
  </si>
  <si>
    <t>FY2000-GRADY-042</t>
  </si>
  <si>
    <t>TOQUERVILLE ASSIST 2</t>
  </si>
  <si>
    <t>727505-99999-1993.gz</t>
  </si>
  <si>
    <t>CONNER</t>
  </si>
  <si>
    <t>CASTROVILLE MUTUAL AID</t>
  </si>
  <si>
    <t>720579-99999-2010.gz</t>
  </si>
  <si>
    <t>722286-93806-2007.gz</t>
  </si>
  <si>
    <t>FY2001-COWETA-012</t>
  </si>
  <si>
    <t>CARSON CREEK</t>
  </si>
  <si>
    <t xml:space="preserve">RED MTN 2 LIGHTNING      </t>
  </si>
  <si>
    <t>FY2012-APPLING-083</t>
  </si>
  <si>
    <t>HUSLIA</t>
  </si>
  <si>
    <t>702225-99999-2003.gz</t>
  </si>
  <si>
    <t>BAYOU</t>
  </si>
  <si>
    <t>726394-04874-2006.gz</t>
  </si>
  <si>
    <t>723068-93759-2006.gz</t>
  </si>
  <si>
    <t>726660-24029-1993.gz</t>
  </si>
  <si>
    <t>AKIMEL</t>
  </si>
  <si>
    <t>VICKI</t>
  </si>
  <si>
    <t>GAUNTT ROAD FIRE</t>
  </si>
  <si>
    <t>992120-99999-1998.gz</t>
  </si>
  <si>
    <t>MIDAS</t>
  </si>
  <si>
    <t>725086-54734-2010.gz</t>
  </si>
  <si>
    <t>BARE SPRINGS</t>
  </si>
  <si>
    <t>BRUSH FIRE BENT OAK WEST</t>
  </si>
  <si>
    <t>LONEFIR2</t>
  </si>
  <si>
    <t>727857-99999-1999.gz</t>
  </si>
  <si>
    <t>LIVINGSTON - 325</t>
  </si>
  <si>
    <t>TAYLOR WFU</t>
  </si>
  <si>
    <t>723419-93992-2013.gz</t>
  </si>
  <si>
    <t>RL295</t>
  </si>
  <si>
    <t>724635-23067-1995.gz</t>
  </si>
  <si>
    <t>SHEETS GAP</t>
  </si>
  <si>
    <t>FM 116 FIRE</t>
  </si>
  <si>
    <t>722570-03933-2012.gz</t>
  </si>
  <si>
    <t>FY2002-BACON-024</t>
  </si>
  <si>
    <t>FY2011-CANDLER-037</t>
  </si>
  <si>
    <t>F5</t>
  </si>
  <si>
    <t>722122-99999-2005.gz</t>
  </si>
  <si>
    <t>ZENGARLING</t>
  </si>
  <si>
    <t>723098-99999-1999.gz</t>
  </si>
  <si>
    <t>FORK LIFT  (5)</t>
  </si>
  <si>
    <t>997354-99999-2010.gz</t>
  </si>
  <si>
    <t>727477-04970-2012.gz</t>
  </si>
  <si>
    <t>SPRING COULEE</t>
  </si>
  <si>
    <t>WITCHER CREEK</t>
  </si>
  <si>
    <t xml:space="preserve">ROADSIDE #1              </t>
  </si>
  <si>
    <t>CAMPBELL'S CREEK ROAD</t>
  </si>
  <si>
    <t>EAST FK OF TWELVE POLE</t>
  </si>
  <si>
    <t>MINTOR SCHOOL RD. FIRE</t>
  </si>
  <si>
    <t>FY2015-ECHOLS-005</t>
  </si>
  <si>
    <t>FY2002-BARTOW-073</t>
  </si>
  <si>
    <t>WF-18   BEECH ST</t>
  </si>
  <si>
    <t>720672-00485-2010.gz</t>
  </si>
  <si>
    <t>720607-00199-2015.gz</t>
  </si>
  <si>
    <t>STICINE RD</t>
  </si>
  <si>
    <t>MS0    1111-6260615001</t>
  </si>
  <si>
    <t>LAKE KILLARNEY</t>
  </si>
  <si>
    <t>GLORY</t>
  </si>
  <si>
    <t>722747-93084-2010.gz</t>
  </si>
  <si>
    <t>RATTLESNAKE RIDGE #1</t>
  </si>
  <si>
    <t>THREE SISTERS</t>
  </si>
  <si>
    <t>NOR-20140321-004</t>
  </si>
  <si>
    <t>TUNNELCAMP</t>
  </si>
  <si>
    <t>A1303064</t>
  </si>
  <si>
    <t>OJO-NAPI-1</t>
  </si>
  <si>
    <t>DAHL ROAD</t>
  </si>
  <si>
    <t>FM 293 @ COUNTY ROAD A</t>
  </si>
  <si>
    <t>723630-23047-2010.gz</t>
  </si>
  <si>
    <t>CR 208</t>
  </si>
  <si>
    <t>WILLIAMS RD PASTURE</t>
  </si>
  <si>
    <t>720273-12981-2013.gz</t>
  </si>
  <si>
    <t>LEFT FORK DRY BRANCH</t>
  </si>
  <si>
    <t>COUNTY ROAD 143 FIRE</t>
  </si>
  <si>
    <t>GRASS FIRE HWY 281 S</t>
  </si>
  <si>
    <t>RL087</t>
  </si>
  <si>
    <t>724296-99999-2002.gz</t>
  </si>
  <si>
    <t>724810-23203-2015.gz</t>
  </si>
  <si>
    <t>FERRY CYN</t>
  </si>
  <si>
    <t>726988-24219-2001.gz</t>
  </si>
  <si>
    <t>COW PASTURE</t>
  </si>
  <si>
    <t>100 N BAGDAD RD 1</t>
  </si>
  <si>
    <t>PING ROAD</t>
  </si>
  <si>
    <t>744864-54787-2009.gz</t>
  </si>
  <si>
    <t>PROSPECT 2</t>
  </si>
  <si>
    <t>911904-22552-2010.gz</t>
  </si>
  <si>
    <t>I 5  / PETE MILLER RD</t>
  </si>
  <si>
    <t>MONTGOMERY</t>
  </si>
  <si>
    <t>725337-99999-1993.gz</t>
  </si>
  <si>
    <t>STEVENS MILL RD</t>
  </si>
  <si>
    <t>723066-13713-2011.gz</t>
  </si>
  <si>
    <t>FY2011-SPALDING-012</t>
  </si>
  <si>
    <t>NORTHRUP</t>
  </si>
  <si>
    <t>MACINTOSH RD. FIRE</t>
  </si>
  <si>
    <t>OKLAHOMA RANGE</t>
  </si>
  <si>
    <t>702615-26498-2013.gz</t>
  </si>
  <si>
    <t>3500 GOSHEN ROAD</t>
  </si>
  <si>
    <t>GRASS FIRE/TREE FIRE</t>
  </si>
  <si>
    <t>FY2000-BULLOCH-054</t>
  </si>
  <si>
    <t>HALE FIRE</t>
  </si>
  <si>
    <t>720448-00144-2012.gz</t>
  </si>
  <si>
    <t>C4</t>
  </si>
  <si>
    <t>THE BURN</t>
  </si>
  <si>
    <t>724627-99999-2000.gz</t>
  </si>
  <si>
    <t>FY2015-EMANUEL-060</t>
  </si>
  <si>
    <t>SAND HILLS</t>
  </si>
  <si>
    <t>726813-94195-2006.gz</t>
  </si>
  <si>
    <t>RAMSY 2</t>
  </si>
  <si>
    <t>RT. 40</t>
  </si>
  <si>
    <t>AIRPORT ROAD</t>
  </si>
  <si>
    <t>725170-14737-2014.gz</t>
  </si>
  <si>
    <t>REFORM</t>
  </si>
  <si>
    <t>726574-99999-2000.gz</t>
  </si>
  <si>
    <t>OTA 64</t>
  </si>
  <si>
    <t>YOUNGSTER</t>
  </si>
  <si>
    <t>726530-99999-2004.gz</t>
  </si>
  <si>
    <t>OAKEY MOUNTAIN</t>
  </si>
  <si>
    <t>723118-53850-2010.gz</t>
  </si>
  <si>
    <t>723745-00374-2014.gz</t>
  </si>
  <si>
    <t xml:space="preserve">"WALL,W"                 </t>
  </si>
  <si>
    <t>CELL TOWER</t>
  </si>
  <si>
    <t xml:space="preserve">POAG                     </t>
  </si>
  <si>
    <t>MISTY LANE</t>
  </si>
  <si>
    <t>LINE</t>
  </si>
  <si>
    <t>725976-99999-2001.gz</t>
  </si>
  <si>
    <t>725314-99999-1995.gz</t>
  </si>
  <si>
    <t>WARX</t>
  </si>
  <si>
    <t>TUNNEL CANYON</t>
  </si>
  <si>
    <t xml:space="preserve">PEAK / LIGHTNING#3       </t>
  </si>
  <si>
    <t>720581-99999-2010.gz</t>
  </si>
  <si>
    <t>GAP CREEK ROAD FIRE</t>
  </si>
  <si>
    <t>WCOCOPAH</t>
  </si>
  <si>
    <t>TRADNG PST</t>
  </si>
  <si>
    <t>726350-94860-2004.gz</t>
  </si>
  <si>
    <t>TRIANGLE</t>
  </si>
  <si>
    <t>MUSTANG232</t>
  </si>
  <si>
    <t xml:space="preserve">SYCAMORE #1              </t>
  </si>
  <si>
    <t>SON'S FIRE</t>
  </si>
  <si>
    <t xml:space="preserve">SHAH                     </t>
  </si>
  <si>
    <t>BUTTER POI</t>
  </si>
  <si>
    <t>OLD BAKER RD</t>
  </si>
  <si>
    <t>ELLIOT</t>
  </si>
  <si>
    <t>C. KINSER RD.</t>
  </si>
  <si>
    <t>FY2013-HARALSON-069</t>
  </si>
  <si>
    <t>POWERS BRANCH</t>
  </si>
  <si>
    <t>FY2001-DECATUR-023</t>
  </si>
  <si>
    <t>WEED LAKE</t>
  </si>
  <si>
    <t>UPLAND WINGS</t>
  </si>
  <si>
    <t>724420-13997-2006.gz</t>
  </si>
  <si>
    <t>720605-00197-2010.gz</t>
  </si>
  <si>
    <t>HENDERSON - 297</t>
  </si>
  <si>
    <t>723755-03103-1992.gz</t>
  </si>
  <si>
    <t>SKULL CREEK</t>
  </si>
  <si>
    <t>FY2003-HART-007</t>
  </si>
  <si>
    <t>CONNELLY</t>
  </si>
  <si>
    <t>WILDLAND AND GRASS</t>
  </si>
  <si>
    <t>HUNT</t>
  </si>
  <si>
    <t>725660-24028-2006.gz</t>
  </si>
  <si>
    <t>SHILOH #2 - CLEMENTS RD.</t>
  </si>
  <si>
    <t>723055-63816-2011.gz</t>
  </si>
  <si>
    <t>COLORADO GULCH</t>
  </si>
  <si>
    <t>727730-24153-2014.gz</t>
  </si>
  <si>
    <t>UNNAMED FIRE 0525</t>
  </si>
  <si>
    <t>FY2012-ELBERT-008</t>
  </si>
  <si>
    <t>722119-99999-1999.gz</t>
  </si>
  <si>
    <t>WEST COMPANY FIRE-1</t>
  </si>
  <si>
    <t>723628-93942-2007.gz</t>
  </si>
  <si>
    <t>PUTNAM/CEMETARY ROAD</t>
  </si>
  <si>
    <t>LETTERKENNY FIRE</t>
  </si>
  <si>
    <t>LIVINGSTON - 62</t>
  </si>
  <si>
    <t>CREOSOTE</t>
  </si>
  <si>
    <t>STAPLES JOHNSON ROAD</t>
  </si>
  <si>
    <t>722198-63819-2011.gz</t>
  </si>
  <si>
    <t>5TH COURT ( 33)</t>
  </si>
  <si>
    <t>BARN FIRE</t>
  </si>
  <si>
    <t>726881-99999-2000.gz</t>
  </si>
  <si>
    <t>725830-24128-2001.gz</t>
  </si>
  <si>
    <t>LAUREL RIDGE</t>
  </si>
  <si>
    <t>CEDAR SPRINGS</t>
  </si>
  <si>
    <t>E LINE ST  BISHOP_FIRE_DI</t>
  </si>
  <si>
    <t>723894-03181-2009.gz</t>
  </si>
  <si>
    <t>FY2001-CHARLTON-070</t>
  </si>
  <si>
    <t>CO RD 28</t>
  </si>
  <si>
    <t>FY2000-GORDON-076</t>
  </si>
  <si>
    <t>722177-63811-2012.gz</t>
  </si>
  <si>
    <t>FY2002-PIKE-027</t>
  </si>
  <si>
    <t>SIGNAL</t>
  </si>
  <si>
    <t>PRISON</t>
  </si>
  <si>
    <t>723526-03932-2006.gz</t>
  </si>
  <si>
    <t>TH 5 FIRE</t>
  </si>
  <si>
    <t>OLD BRICK RD.</t>
  </si>
  <si>
    <t>TWINKLE</t>
  </si>
  <si>
    <t>RL042</t>
  </si>
  <si>
    <t>WILDLIFE BURN</t>
  </si>
  <si>
    <t>GUYON CREEK</t>
  </si>
  <si>
    <t>727458-99999-1994.gz</t>
  </si>
  <si>
    <t>723926-23136-2015.gz</t>
  </si>
  <si>
    <t>BOWLING KNOB</t>
  </si>
  <si>
    <t>726387-14850-2003.gz</t>
  </si>
  <si>
    <t>DONNA</t>
  </si>
  <si>
    <t>TOY</t>
  </si>
  <si>
    <t>FY2001-DOUGHERTY-006</t>
  </si>
  <si>
    <t>TALLEY LANE</t>
  </si>
  <si>
    <t>725145-99999-2002.gz</t>
  </si>
  <si>
    <t>TRACE FORK</t>
  </si>
  <si>
    <t>AGATE</t>
  </si>
  <si>
    <t>DAKOTA FIRE</t>
  </si>
  <si>
    <t>W.WOLFPOINT</t>
  </si>
  <si>
    <t>BOBGIDGE</t>
  </si>
  <si>
    <t>723448-53934-2009.gz</t>
  </si>
  <si>
    <t>MILAM COUNTY BRUSH FIRE ASSIST</t>
  </si>
  <si>
    <t>721034-00351-2015.gz</t>
  </si>
  <si>
    <t>FY2000-CLINCH-068</t>
  </si>
  <si>
    <t>WILLILYN PARK</t>
  </si>
  <si>
    <t>CHEESSLAND-2</t>
  </si>
  <si>
    <t>BRYAN CHALK</t>
  </si>
  <si>
    <t>VINCIK FIRE</t>
  </si>
  <si>
    <t>AYCOCK SCHOOL</t>
  </si>
  <si>
    <t>722141-99999-2004.gz</t>
  </si>
  <si>
    <t>MS0    1010-5451001006</t>
  </si>
  <si>
    <t>725196-64775-2015.gz</t>
  </si>
  <si>
    <t>MCCLARY ROAD</t>
  </si>
  <si>
    <t>UNNAMED FIRE 0504</t>
  </si>
  <si>
    <t>722323-00362-2005.gz</t>
  </si>
  <si>
    <t>724037-99999-2004.gz</t>
  </si>
  <si>
    <t>FY2012-COFFEE-032</t>
  </si>
  <si>
    <t>726228-94740-2009.gz</t>
  </si>
  <si>
    <t>SHORTS TRAILER PARK</t>
  </si>
  <si>
    <t>720287-53967-2014.gz</t>
  </si>
  <si>
    <t>FY2002-WASHINGTON-125</t>
  </si>
  <si>
    <t>724084-54760-2013.gz</t>
  </si>
  <si>
    <t>HOG LOT FIRE</t>
  </si>
  <si>
    <t>724453-99999-2005.gz</t>
  </si>
  <si>
    <t>HELENS</t>
  </si>
  <si>
    <t>ASSIST 1</t>
  </si>
  <si>
    <t>WOLFE CITY</t>
  </si>
  <si>
    <t>PERRY CANYON</t>
  </si>
  <si>
    <t>727740-24135-2007.gz</t>
  </si>
  <si>
    <t>726510-14944-1998.gz</t>
  </si>
  <si>
    <t xml:space="preserve">RD 600                   </t>
  </si>
  <si>
    <t>OLD BATTLEGROUND FIRE</t>
  </si>
  <si>
    <t>MAJOR LN</t>
  </si>
  <si>
    <t>MOTTLED DUCK</t>
  </si>
  <si>
    <t>726506-99999-1998.gz</t>
  </si>
  <si>
    <t>FY2002-COLQUITT-050</t>
  </si>
  <si>
    <t>514 QUARRY ROAD, AL</t>
  </si>
  <si>
    <t>722285-03896-2011.gz</t>
  </si>
  <si>
    <t>STARKWEATHER</t>
  </si>
  <si>
    <t>SOLLERS</t>
  </si>
  <si>
    <t>ANDREW</t>
  </si>
  <si>
    <t>BROWNINGTON</t>
  </si>
  <si>
    <t>SNEAD</t>
  </si>
  <si>
    <t>COOPERSTOWN RD / J59</t>
  </si>
  <si>
    <t>CURRIE RD</t>
  </si>
  <si>
    <t>726503-54833-2012.gz</t>
  </si>
  <si>
    <t>HERMITAGE CIRCLE RD</t>
  </si>
  <si>
    <t>723407-99999-2004.gz</t>
  </si>
  <si>
    <t>FY2015-DODGE-055</t>
  </si>
  <si>
    <t xml:space="preserve">VEG                      </t>
  </si>
  <si>
    <t>722537-99999-2000.gz</t>
  </si>
  <si>
    <t>HARRIS ROAD FIRE</t>
  </si>
  <si>
    <t>VEST-TALCUM ROAD</t>
  </si>
  <si>
    <t>NOBLES</t>
  </si>
  <si>
    <t>VAUGHN</t>
  </si>
  <si>
    <t>724767-93069-2011.gz</t>
  </si>
  <si>
    <t>17952 WALKER SPRINGS RD, AL</t>
  </si>
  <si>
    <t>723098-93798-2006.gz</t>
  </si>
  <si>
    <t>FY2001-BACON-058</t>
  </si>
  <si>
    <t>COFFEE ROAD (03)</t>
  </si>
  <si>
    <t>743946-99999-1995.gz</t>
  </si>
  <si>
    <t>OTIS</t>
  </si>
  <si>
    <t>FLATLAND</t>
  </si>
  <si>
    <t>722520-99999-2006.gz</t>
  </si>
  <si>
    <t>CANYON #1</t>
  </si>
  <si>
    <t>MIRABEAU</t>
  </si>
  <si>
    <t>EMERALD 2</t>
  </si>
  <si>
    <t>725847-93230-2001.gz</t>
  </si>
  <si>
    <t>RAISIN SMUGGLER</t>
  </si>
  <si>
    <t>726884-24148-1999.gz</t>
  </si>
  <si>
    <t>RAILROAD TIE</t>
  </si>
  <si>
    <t>HWY561</t>
  </si>
  <si>
    <t>LA JARA CANYON</t>
  </si>
  <si>
    <t xml:space="preserve">PAMPAS                   </t>
  </si>
  <si>
    <t>725985-99999-2001.gz</t>
  </si>
  <si>
    <t>SOUTH CLACK</t>
  </si>
  <si>
    <t>AQUADUCT1</t>
  </si>
  <si>
    <t>724767-99999-1998.gz</t>
  </si>
  <si>
    <t>FAIRMONT</t>
  </si>
  <si>
    <t>723816-03159-2000.gz</t>
  </si>
  <si>
    <t>CARLTON ROAD #2</t>
  </si>
  <si>
    <t>722348-99999-1991.gz</t>
  </si>
  <si>
    <t>47509 523RD, IA</t>
  </si>
  <si>
    <t>722274-54939-2011.gz</t>
  </si>
  <si>
    <t>OLD BALDY</t>
  </si>
  <si>
    <t>722822-63903-2008.gz</t>
  </si>
  <si>
    <t>TORCH</t>
  </si>
  <si>
    <t>723826-99999-1999.gz</t>
  </si>
  <si>
    <t xml:space="preserve">MILL CREEK               </t>
  </si>
  <si>
    <t>PAINT BR.</t>
  </si>
  <si>
    <t>HOUGH</t>
  </si>
  <si>
    <t>724350-03816-2004.gz</t>
  </si>
  <si>
    <t>726379-14845-2005.gz</t>
  </si>
  <si>
    <t>722821-53988-2015.gz</t>
  </si>
  <si>
    <t>FY2011-GREENE-008</t>
  </si>
  <si>
    <t>SKYLINE 1</t>
  </si>
  <si>
    <t>725705-99999-2000.gz</t>
  </si>
  <si>
    <t>DOUBLE - D</t>
  </si>
  <si>
    <t>CO LINE</t>
  </si>
  <si>
    <t>725824-99999-1994.gz</t>
  </si>
  <si>
    <t xml:space="preserve">LADY                     </t>
  </si>
  <si>
    <t>ADCOCK 2/13/14</t>
  </si>
  <si>
    <t>722209-12986-2014.gz</t>
  </si>
  <si>
    <t>BORDER 12</t>
  </si>
  <si>
    <t>722904-03178-2012.gz</t>
  </si>
  <si>
    <t>724350-03816-2003.gz</t>
  </si>
  <si>
    <t>FY2012-JEFF DAVIS-007</t>
  </si>
  <si>
    <t>FY2012-TATTNALL-023</t>
  </si>
  <si>
    <t xml:space="preserve">PINE.                    </t>
  </si>
  <si>
    <t>CJ DAM</t>
  </si>
  <si>
    <t>726815-24106-1993.gz</t>
  </si>
  <si>
    <t>HAMS FORK</t>
  </si>
  <si>
    <t xml:space="preserve">LICHAU                   </t>
  </si>
  <si>
    <t>724955-99999-1999.gz</t>
  </si>
  <si>
    <t>DOCTOR 4</t>
  </si>
  <si>
    <t>CHARGING EAGLE</t>
  </si>
  <si>
    <t>VZCR 3219</t>
  </si>
  <si>
    <t>FY2013-STEPHENS-004</t>
  </si>
  <si>
    <t>720288-03711-2007.gz</t>
  </si>
  <si>
    <t>ANAN</t>
  </si>
  <si>
    <t>FY2002-WORTH-040</t>
  </si>
  <si>
    <t>727508-99999-2004.gz</t>
  </si>
  <si>
    <t>LOGAN COMMAND</t>
  </si>
  <si>
    <t>744652-53897-2007.gz</t>
  </si>
  <si>
    <t>PACK</t>
  </si>
  <si>
    <t>03/ALLENTON RD FIRE-0315</t>
  </si>
  <si>
    <t>747750-13846-2010.gz</t>
  </si>
  <si>
    <t>HAGARD</t>
  </si>
  <si>
    <t>FENCE POST FIRE</t>
  </si>
  <si>
    <t>720933-00318-2015.gz</t>
  </si>
  <si>
    <t>722583-13960-2006.gz</t>
  </si>
  <si>
    <t xml:space="preserve">ALCONA 07 - VOGEL FIRE                            </t>
  </si>
  <si>
    <t>LIVINGSTON - 902</t>
  </si>
  <si>
    <t>722080-13880-1995.gz</t>
  </si>
  <si>
    <t>DYE RD / RAMONA ST</t>
  </si>
  <si>
    <t>ARCHER</t>
  </si>
  <si>
    <t>SIGNAL PEAK RD.</t>
  </si>
  <si>
    <t>727810-24243-2001.gz</t>
  </si>
  <si>
    <t>PAT-95-2</t>
  </si>
  <si>
    <t>727845-24163-1995.gz</t>
  </si>
  <si>
    <t>HANCOCK FIRE</t>
  </si>
  <si>
    <t>723435-99999-2003.gz</t>
  </si>
  <si>
    <t>MARCI</t>
  </si>
  <si>
    <t>722788-99999-2001.gz</t>
  </si>
  <si>
    <t>PATTERSON CEMETERY</t>
  </si>
  <si>
    <t>EQUINE VET</t>
  </si>
  <si>
    <t>720286-53977-2010.gz</t>
  </si>
  <si>
    <t>POWELL CEMETERY</t>
  </si>
  <si>
    <t>BEECH CREEK ROAD</t>
  </si>
  <si>
    <t>SH136 @ N OF FM 293</t>
  </si>
  <si>
    <t>726070-99999-2009.gz</t>
  </si>
  <si>
    <t>DAIRY RD</t>
  </si>
  <si>
    <t>727478-99999-2001.gz</t>
  </si>
  <si>
    <t>WALLA WALLA</t>
  </si>
  <si>
    <t>SE114</t>
  </si>
  <si>
    <t>PARKSIDE</t>
  </si>
  <si>
    <t xml:space="preserve">LIGHTNING #5             </t>
  </si>
  <si>
    <t>MS0    0808-2531005002</t>
  </si>
  <si>
    <t>ALLISON 412</t>
  </si>
  <si>
    <t>N.U.S. HWY.281&amp;C.R.225</t>
  </si>
  <si>
    <t>BROKE</t>
  </si>
  <si>
    <t>PARMLEE CANYON</t>
  </si>
  <si>
    <t>726228-94740-2010.gz</t>
  </si>
  <si>
    <t>FY2000-MITCHELL-138</t>
  </si>
  <si>
    <t>725724-99999-1992.gz</t>
  </si>
  <si>
    <t>HURELY BUTTE</t>
  </si>
  <si>
    <t>726516-24024-2009.gz</t>
  </si>
  <si>
    <t>TOKIM DRIVE</t>
  </si>
  <si>
    <t>GRIZZLE</t>
  </si>
  <si>
    <t>VIRGINREC</t>
  </si>
  <si>
    <t>EDGEWATER FIRE</t>
  </si>
  <si>
    <t>A613</t>
  </si>
  <si>
    <t>725976-99999-2002.gz</t>
  </si>
  <si>
    <t>CORNVILLE</t>
  </si>
  <si>
    <t>725825-24121-2003.gz</t>
  </si>
  <si>
    <t>ELM SHOAL</t>
  </si>
  <si>
    <t>SMITH ROAD</t>
  </si>
  <si>
    <t>724354-63815-2012.gz</t>
  </si>
  <si>
    <t>WARNERVILLE RD / CRABTREE</t>
  </si>
  <si>
    <t>FY2000-OCONEE-010</t>
  </si>
  <si>
    <t>THE RESERVATION</t>
  </si>
  <si>
    <t>213 days 00:00:00.000000000</t>
  </si>
  <si>
    <t>11-000107</t>
  </si>
  <si>
    <t>SWR-20120707-003</t>
  </si>
  <si>
    <t>DUSKCAMP</t>
  </si>
  <si>
    <t>ALKALI MUTUAL AID</t>
  </si>
  <si>
    <t>HAYNES</t>
  </si>
  <si>
    <t>727584-94038-2011.gz</t>
  </si>
  <si>
    <t>HOYT RD.</t>
  </si>
  <si>
    <t>BASKETT</t>
  </si>
  <si>
    <t>725765-24061-1996.gz</t>
  </si>
  <si>
    <t>FY2000-COWETA-044</t>
  </si>
  <si>
    <t>RAILROAD #6</t>
  </si>
  <si>
    <t>AENEFER #1</t>
  </si>
  <si>
    <t>725755-24101-1993.gz</t>
  </si>
  <si>
    <t>S1  DUCK</t>
  </si>
  <si>
    <t>725958-94299-2015.gz</t>
  </si>
  <si>
    <t>RYE COVE M</t>
  </si>
  <si>
    <t xml:space="preserve">DYER                     </t>
  </si>
  <si>
    <t>726180-99999-2007.gz</t>
  </si>
  <si>
    <t>PINE SPRINGS</t>
  </si>
  <si>
    <t>SAC</t>
  </si>
  <si>
    <t>FAUST VALLEY</t>
  </si>
  <si>
    <t>MP119</t>
  </si>
  <si>
    <t xml:space="preserve">SONORA #1                </t>
  </si>
  <si>
    <t>THOMPSON R</t>
  </si>
  <si>
    <t>KENTUCKY PRINCE #2</t>
  </si>
  <si>
    <t>747186-03164-2011.gz</t>
  </si>
  <si>
    <t>SPIDER RIDGE</t>
  </si>
  <si>
    <t>724286-93824-1999.gz</t>
  </si>
  <si>
    <t>FY2002-APPLING-004</t>
  </si>
  <si>
    <t>RICOCHET</t>
  </si>
  <si>
    <t>723635-03024-2009.gz</t>
  </si>
  <si>
    <t xml:space="preserve">CANOPY CREEK (43) </t>
  </si>
  <si>
    <t xml:space="preserve">LIBERAL                  </t>
  </si>
  <si>
    <t>727873-99999-1995.gz</t>
  </si>
  <si>
    <t>725976-99999-2000.gz</t>
  </si>
  <si>
    <t>HARRIS MTN.</t>
  </si>
  <si>
    <t>727750-24143-1992.gz</t>
  </si>
  <si>
    <t>TRADE WINDS</t>
  </si>
  <si>
    <t xml:space="preserve">BRUSHY 4 LIGHTNING       </t>
  </si>
  <si>
    <t>BULL LAKE WEST</t>
  </si>
  <si>
    <t>MS0    1010-2040413009</t>
  </si>
  <si>
    <t>SWEET HOME CHURCH ROAD FI</t>
  </si>
  <si>
    <t>SHALIMAR TRAIL (40)</t>
  </si>
  <si>
    <t>722166-93845-2012.gz</t>
  </si>
  <si>
    <t>723306-13825-2015.gz</t>
  </si>
  <si>
    <t>IVYDALE</t>
  </si>
  <si>
    <t>720623-99999-2011.gz</t>
  </si>
  <si>
    <t>1912 DENTS RUN</t>
  </si>
  <si>
    <t>724175-03802-2013.gz</t>
  </si>
  <si>
    <t>SAL BULL</t>
  </si>
  <si>
    <t xml:space="preserve">HAZELTON                 </t>
  </si>
  <si>
    <t>WASHITA ASSIST</t>
  </si>
  <si>
    <t>CR 862</t>
  </si>
  <si>
    <t>GULL POINT</t>
  </si>
  <si>
    <t>703500-25501-1995.gz</t>
  </si>
  <si>
    <t>727873-99999-1997.gz</t>
  </si>
  <si>
    <t>COY</t>
  </si>
  <si>
    <t>LAKEVIEW ROAD FIRE</t>
  </si>
  <si>
    <t>PUMP</t>
  </si>
  <si>
    <t>RED LAKE 038</t>
  </si>
  <si>
    <t>SCHILEY</t>
  </si>
  <si>
    <t>CAVE</t>
  </si>
  <si>
    <t>FY2015-SCREVEN-011</t>
  </si>
  <si>
    <t>LOCAN</t>
  </si>
  <si>
    <t>NORTH PRONG #117</t>
  </si>
  <si>
    <t>TURCOTTE</t>
  </si>
  <si>
    <t>727675-94011-1996.gz</t>
  </si>
  <si>
    <t>18665 BROOKFIELD</t>
  </si>
  <si>
    <t>722594-53909-2014.gz</t>
  </si>
  <si>
    <t>722132-63801-2006.gz</t>
  </si>
  <si>
    <t>MS0    1010-4550118003</t>
  </si>
  <si>
    <t>STIRLING</t>
  </si>
  <si>
    <t>725196-64775-2008.gz</t>
  </si>
  <si>
    <t>LABUMBA</t>
  </si>
  <si>
    <t>GRASS/WOODS FIRE CR 3504 (092)</t>
  </si>
  <si>
    <t>WHOOPUP ASSIST</t>
  </si>
  <si>
    <t>SAYLER</t>
  </si>
  <si>
    <t>DOUBLE MD</t>
  </si>
  <si>
    <t>TEMPLIN</t>
  </si>
  <si>
    <t>BEARING FIRE</t>
  </si>
  <si>
    <t>726508-94973-2007.gz</t>
  </si>
  <si>
    <t>ACTON</t>
  </si>
  <si>
    <t>723820-23182-1996.gz</t>
  </si>
  <si>
    <t>725196-14717-1994.gz</t>
  </si>
  <si>
    <t>MILLER 4</t>
  </si>
  <si>
    <t>FY2016-ELBERT-002</t>
  </si>
  <si>
    <t>BLAND MOUNTAIN</t>
  </si>
  <si>
    <t>GRASS/WOODS/FM843</t>
  </si>
  <si>
    <t>CARLISLE CREEK</t>
  </si>
  <si>
    <t>FY2001-FORSYTH-003</t>
  </si>
  <si>
    <t>DARK HOLLOW</t>
  </si>
  <si>
    <t>724236-03889-1995.gz</t>
  </si>
  <si>
    <t>WEASEL</t>
  </si>
  <si>
    <t>MS0    0909-4460304006</t>
  </si>
  <si>
    <t>MEARS</t>
  </si>
  <si>
    <t>722730-03124-1994.gz</t>
  </si>
  <si>
    <t>RL228</t>
  </si>
  <si>
    <t xml:space="preserve">BORDER 22 2              </t>
  </si>
  <si>
    <t>724810-23203-2014.gz</t>
  </si>
  <si>
    <t>ROAD 824</t>
  </si>
  <si>
    <t>726396-00422-2012.gz</t>
  </si>
  <si>
    <t xml:space="preserve">2ND ST / A ST            </t>
  </si>
  <si>
    <t>724838-93205-2008.gz</t>
  </si>
  <si>
    <t>SODA</t>
  </si>
  <si>
    <t>724955-93227-2011.gz</t>
  </si>
  <si>
    <t>RL002</t>
  </si>
  <si>
    <t>BULLOCK GULCH</t>
  </si>
  <si>
    <t>726839-99999-1994.gz</t>
  </si>
  <si>
    <t>WF-64-LAKE GEORGE RD</t>
  </si>
  <si>
    <t>GUNSITE</t>
  </si>
  <si>
    <t>3054 BLUFFS</t>
  </si>
  <si>
    <t>FY2001-WAYNE-055</t>
  </si>
  <si>
    <t>G. ROWLAND</t>
  </si>
  <si>
    <t>725180-14735-1996.gz</t>
  </si>
  <si>
    <t>FY2012-TALBOT-019</t>
  </si>
  <si>
    <t>HWY 25</t>
  </si>
  <si>
    <t>727514-99999-2004.gz</t>
  </si>
  <si>
    <t>105 8TH N</t>
  </si>
  <si>
    <t>727686-94017-2009.gz</t>
  </si>
  <si>
    <t>FEATHER GULCH</t>
  </si>
  <si>
    <t>726774-99999-1998.gz</t>
  </si>
  <si>
    <t>ADERIAN SPRING</t>
  </si>
  <si>
    <t>DOLEN FIRE</t>
  </si>
  <si>
    <t>720379-63882-2013.gz</t>
  </si>
  <si>
    <t>BECK ROAD</t>
  </si>
  <si>
    <t>723148-99999-2004.gz</t>
  </si>
  <si>
    <t>SANDLICK HOLLOW</t>
  </si>
  <si>
    <t>SHAW MOUNTAIN</t>
  </si>
  <si>
    <t>SWR-20151015-004</t>
  </si>
  <si>
    <t>SHADY GROVE1</t>
  </si>
  <si>
    <t>722127-04880-2009.gz</t>
  </si>
  <si>
    <t>2605 CR 255</t>
  </si>
  <si>
    <t>725520-14935-2007.gz</t>
  </si>
  <si>
    <t>MATHEWS</t>
  </si>
  <si>
    <t>722044-53930-2011.gz</t>
  </si>
  <si>
    <t>REC. CENTER</t>
  </si>
  <si>
    <t>TATER HILL</t>
  </si>
  <si>
    <t>TW2714</t>
  </si>
  <si>
    <t>ACROSS THE ROAD</t>
  </si>
  <si>
    <t>725127-99999-2002.gz</t>
  </si>
  <si>
    <t>725478-04920-2009.gz</t>
  </si>
  <si>
    <t>FY2013-JOHNSON-043</t>
  </si>
  <si>
    <t>WARWICK</t>
  </si>
  <si>
    <t>720542-00166-2015.gz</t>
  </si>
  <si>
    <t>DELORME</t>
  </si>
  <si>
    <t xml:space="preserve">OLD SCHOUPE PLACE </t>
  </si>
  <si>
    <t>GATLINGTON ROAD</t>
  </si>
  <si>
    <t xml:space="preserve">PACIFIC                  </t>
  </si>
  <si>
    <t>MULLENS</t>
  </si>
  <si>
    <t>724008-93781-2007.gz</t>
  </si>
  <si>
    <t>FY2016-WORTH-006</t>
  </si>
  <si>
    <t>LASTDANCE</t>
  </si>
  <si>
    <t>COLLINS FIRE</t>
  </si>
  <si>
    <t>TUNNER</t>
  </si>
  <si>
    <t>724604-93076-2011.gz</t>
  </si>
  <si>
    <t>FY2012-JONES-028</t>
  </si>
  <si>
    <t>FY2014-RICHMOND-025</t>
  </si>
  <si>
    <t>727475-04940-2010.gz</t>
  </si>
  <si>
    <t>71 ST SCHOOL</t>
  </si>
  <si>
    <t>SAVE THE TRALIER</t>
  </si>
  <si>
    <t>MS0    1010-3161002009</t>
  </si>
  <si>
    <t>WEST SUNSET</t>
  </si>
  <si>
    <t>727515-04982-2009.gz</t>
  </si>
  <si>
    <t>FM 150</t>
  </si>
  <si>
    <t xml:space="preserve">MC PHAIL                 </t>
  </si>
  <si>
    <t>720120-63837-2006.gz</t>
  </si>
  <si>
    <t>723625-93057-2008.gz</t>
  </si>
  <si>
    <t>REED RANCH</t>
  </si>
  <si>
    <t>FY2001-BRANTLEY-106</t>
  </si>
  <si>
    <t>WEST SPRIN</t>
  </si>
  <si>
    <t xml:space="preserve">SINGER                   </t>
  </si>
  <si>
    <t>26_10</t>
  </si>
  <si>
    <t>LOGGERHEAD FORK</t>
  </si>
  <si>
    <t>DEPOTCOULE</t>
  </si>
  <si>
    <t>MOYE RD FIRE</t>
  </si>
  <si>
    <t>746940-99999-2002.gz</t>
  </si>
  <si>
    <t>724014-93714-2014.gz</t>
  </si>
  <si>
    <t>726650-99999-2001.gz</t>
  </si>
  <si>
    <t>STEELE FIRE</t>
  </si>
  <si>
    <t>FY2002-COOK-093</t>
  </si>
  <si>
    <t>DAVID KURTPATRICK</t>
  </si>
  <si>
    <t>1-17-2015GRASSFIRE</t>
  </si>
  <si>
    <t>HUFFMASTER RANCH COLUSA_C</t>
  </si>
  <si>
    <t>726865-99999-1998.gz</t>
  </si>
  <si>
    <t>FY2012-CHATTOOGA-001</t>
  </si>
  <si>
    <t xml:space="preserve">BRAND                    </t>
  </si>
  <si>
    <t>690020-93218-1993.gz</t>
  </si>
  <si>
    <t>FY2015-TATTNALL-021</t>
  </si>
  <si>
    <t>722691-00366-2015.gz</t>
  </si>
  <si>
    <t>MS0    1111-6810625001</t>
  </si>
  <si>
    <t>720541-53806-2011.gz</t>
  </si>
  <si>
    <t>722085-93831-2013.gz</t>
  </si>
  <si>
    <t>FY2002-LAURENS-028</t>
  </si>
  <si>
    <t>ARCH COAL FIRE</t>
  </si>
  <si>
    <t>726650-94023-2011.gz</t>
  </si>
  <si>
    <t>EFFY</t>
  </si>
  <si>
    <t xml:space="preserve">FAVRO                    </t>
  </si>
  <si>
    <t>725294-99999-2008.gz</t>
  </si>
  <si>
    <t>HONEYMOONERS</t>
  </si>
  <si>
    <t>BIG KNOB RD</t>
  </si>
  <si>
    <t>EAGLE ROCK</t>
  </si>
  <si>
    <t xml:space="preserve">KIRKWOOD IC TAC 12 3     </t>
  </si>
  <si>
    <t>DEHORN RANCH</t>
  </si>
  <si>
    <t>ONION</t>
  </si>
  <si>
    <t>COOPER-HARPER ROAD, POND FORK</t>
  </si>
  <si>
    <t>BUMPUS COVE</t>
  </si>
  <si>
    <t>MS0    0909-4230904002</t>
  </si>
  <si>
    <t>ADDINGTON BEND</t>
  </si>
  <si>
    <t>FULTON CREEK</t>
  </si>
  <si>
    <t>SWR-20130513-003</t>
  </si>
  <si>
    <t>BREAK 9  (64)</t>
  </si>
  <si>
    <t>722057-12854-2011.gz</t>
  </si>
  <si>
    <t>WEST DARDEN RD.</t>
  </si>
  <si>
    <t>FAIRGROUNDS RD</t>
  </si>
  <si>
    <t>ATOKA</t>
  </si>
  <si>
    <t>722676-03035-2007.gz</t>
  </si>
  <si>
    <t>723200-93801-2009.gz</t>
  </si>
  <si>
    <t>TURNER RD</t>
  </si>
  <si>
    <t>FY2012-ATKINSON-009</t>
  </si>
  <si>
    <t>FY2002-WILKINSON-002</t>
  </si>
  <si>
    <t>MEDIO</t>
  </si>
  <si>
    <t>723677-23054-2002.gz</t>
  </si>
  <si>
    <t xml:space="preserve">RITCHIE                  </t>
  </si>
  <si>
    <t>697564-99999-1995.gz</t>
  </si>
  <si>
    <t>TUNK</t>
  </si>
  <si>
    <t>SLOAN 2</t>
  </si>
  <si>
    <t>CINEMARC</t>
  </si>
  <si>
    <t>720342-53947-2013.gz</t>
  </si>
  <si>
    <t>FY2013-TAYLOR-028</t>
  </si>
  <si>
    <t>WAKPAMHOUS</t>
  </si>
  <si>
    <t>WHITEHORSE</t>
  </si>
  <si>
    <t>RING IT</t>
  </si>
  <si>
    <t>135 days 00:00:00.000000000</t>
  </si>
  <si>
    <t>WHITLEY LANE, JOHN MOORE RANCH</t>
  </si>
  <si>
    <t>720286-53977-2013.gz</t>
  </si>
  <si>
    <t>POLLYS PEAK</t>
  </si>
  <si>
    <t>PLUNKETT2</t>
  </si>
  <si>
    <t>725760-24021-2000.gz</t>
  </si>
  <si>
    <t>TRAIL CYN</t>
  </si>
  <si>
    <t>723675-99999-1994.gz</t>
  </si>
  <si>
    <t>COOK BROWN 3 (08)</t>
  </si>
  <si>
    <t>BUDGER</t>
  </si>
  <si>
    <t>THE FIRES YOURS</t>
  </si>
  <si>
    <t>SAGE</t>
  </si>
  <si>
    <t>SKELETON</t>
  </si>
  <si>
    <t>723535-99999-2000.gz</t>
  </si>
  <si>
    <t>#226</t>
  </si>
  <si>
    <t>BLUE MOON</t>
  </si>
  <si>
    <t>R2010-01-117</t>
  </si>
  <si>
    <t>RL545</t>
  </si>
  <si>
    <t>722211-94087-2008.gz</t>
  </si>
  <si>
    <t>723783-99999-2000.gz</t>
  </si>
  <si>
    <t>FY2000-UNION-046</t>
  </si>
  <si>
    <t>726884-24148-2008.gz</t>
  </si>
  <si>
    <t>WEST PORTER</t>
  </si>
  <si>
    <t>723747-03101-2006.gz</t>
  </si>
  <si>
    <t>SIMMS CREEK #2 FIRE</t>
  </si>
  <si>
    <t>EDITH FIRE</t>
  </si>
  <si>
    <t>FY2016-CHATTOOGA-008</t>
  </si>
  <si>
    <t>FY2012-GREENE-015</t>
  </si>
  <si>
    <t>FY2013-TREUTLEN-012</t>
  </si>
  <si>
    <t>747320-99999-1994.gz</t>
  </si>
  <si>
    <t>726886-24130-2014.gz</t>
  </si>
  <si>
    <t>HENDERSON - 7005</t>
  </si>
  <si>
    <t xml:space="preserve">AVE 66  / HARRISON ST    </t>
  </si>
  <si>
    <t>690150-93121-2009.gz</t>
  </si>
  <si>
    <t>FY2014-TREUTLEN-023</t>
  </si>
  <si>
    <t>PUCKET 2</t>
  </si>
  <si>
    <t>THUNDER</t>
  </si>
  <si>
    <t>722119-12883-2008.gz</t>
  </si>
  <si>
    <t xml:space="preserve">MCGRAW                   </t>
  </si>
  <si>
    <t>724955-99999-1995.gz</t>
  </si>
  <si>
    <t>3RD LANE #2</t>
  </si>
  <si>
    <t>SOUTH RIVER ROAD #11</t>
  </si>
  <si>
    <t>722093-99999-2004.gz</t>
  </si>
  <si>
    <t>GRASS FIRE-CR 406</t>
  </si>
  <si>
    <t>KIMBER</t>
  </si>
  <si>
    <t>725869-94186-2010.gz</t>
  </si>
  <si>
    <t>1975 220TH AVE, IOWA</t>
  </si>
  <si>
    <t>725457-04904-2010.gz</t>
  </si>
  <si>
    <t>722866-99999-2014.gz</t>
  </si>
  <si>
    <t>NOR-20140327-007</t>
  </si>
  <si>
    <t>CHASEHILL</t>
  </si>
  <si>
    <t>MADIN</t>
  </si>
  <si>
    <t>FY2001-FLOYD-064</t>
  </si>
  <si>
    <t>COBB</t>
  </si>
  <si>
    <t>R1`78</t>
  </si>
  <si>
    <t>HUFF</t>
  </si>
  <si>
    <t>BORDER 6</t>
  </si>
  <si>
    <t xml:space="preserve">WASH                     </t>
  </si>
  <si>
    <t xml:space="preserve">SOUTHERN 2               </t>
  </si>
  <si>
    <t>724955-93227-2010.gz</t>
  </si>
  <si>
    <t>NEW TOWN RD.</t>
  </si>
  <si>
    <t>727475-99999-1995.gz</t>
  </si>
  <si>
    <t>TERRACE ROAD</t>
  </si>
  <si>
    <t>720632-00218-2012.gz</t>
  </si>
  <si>
    <t>724430-93989-2015.gz</t>
  </si>
  <si>
    <t>CORRINE</t>
  </si>
  <si>
    <t>LIVINGSTON - 400</t>
  </si>
  <si>
    <t>FY2002-LAURENS-266</t>
  </si>
  <si>
    <t>CURLEY RD. FIRE</t>
  </si>
  <si>
    <t>SPOON</t>
  </si>
  <si>
    <t>BOTTOMS 2</t>
  </si>
  <si>
    <t>SILAS</t>
  </si>
  <si>
    <t>JETTEMDW</t>
  </si>
  <si>
    <t>722520-12907-2008.gz</t>
  </si>
  <si>
    <t>727458-94919-2008.gz</t>
  </si>
  <si>
    <t>UNNAMED FIRE 0298</t>
  </si>
  <si>
    <t>723761-23901-2014.gz</t>
  </si>
  <si>
    <t>725207-54735-2006.gz</t>
  </si>
  <si>
    <t>KS_BUX_0019</t>
  </si>
  <si>
    <t>TRINIDAD COMPLEX</t>
  </si>
  <si>
    <t>HERDER</t>
  </si>
  <si>
    <t>BIG</t>
  </si>
  <si>
    <t>724565-13920-2011.gz</t>
  </si>
  <si>
    <t>STILES RANCH FIRE</t>
  </si>
  <si>
    <t>HWY 85 E. 6 MILES FROM CITY LIMITS</t>
  </si>
  <si>
    <t xml:space="preserve">WARNERVILLE              </t>
  </si>
  <si>
    <t>LINDEN - 651</t>
  </si>
  <si>
    <t>I-10 NEAR MP 142</t>
  </si>
  <si>
    <t>BEST</t>
  </si>
  <si>
    <t>HWY 22 S</t>
  </si>
  <si>
    <t xml:space="preserve">TULARE COUNTY # 71       </t>
  </si>
  <si>
    <t>AREA U</t>
  </si>
  <si>
    <t>FY2002-CLINCH-017</t>
  </si>
  <si>
    <t>726427-99999-2000.gz</t>
  </si>
  <si>
    <t>ROCHESTER</t>
  </si>
  <si>
    <t>LOVE RD</t>
  </si>
  <si>
    <t>723250-03847-2012.gz</t>
  </si>
  <si>
    <t>720309-04947-2012.gz</t>
  </si>
  <si>
    <t>STATE 219</t>
  </si>
  <si>
    <t>FY2012-BERRIEN-024</t>
  </si>
  <si>
    <t>SUNSET RD. FIRE</t>
  </si>
  <si>
    <t>722904-03178-2010.gz</t>
  </si>
  <si>
    <t>JONES STORAGE</t>
  </si>
  <si>
    <t>UNNAMED FIRE 1901</t>
  </si>
  <si>
    <t>WASSON #2</t>
  </si>
  <si>
    <t>725970-24225-1996.gz</t>
  </si>
  <si>
    <t>HOLMES ST  CALI</t>
  </si>
  <si>
    <t>INDEPENDANCE DAY</t>
  </si>
  <si>
    <t>720288-03711-2011.gz</t>
  </si>
  <si>
    <t>WOODVILLE - 34</t>
  </si>
  <si>
    <t>BLUEGROVE - JACKSON LN</t>
  </si>
  <si>
    <t>723098-99999-2000.gz</t>
  </si>
  <si>
    <t>HANOVER RES1</t>
  </si>
  <si>
    <t>725130-14777-2015.gz</t>
  </si>
  <si>
    <t>BEATTY FARM LN.</t>
  </si>
  <si>
    <t>TH2003</t>
  </si>
  <si>
    <t>724519-93967-2015.gz</t>
  </si>
  <si>
    <t>722204-04996-2014.gz</t>
  </si>
  <si>
    <t>727430-94850-2008.gz</t>
  </si>
  <si>
    <t>725865-99999-1992.gz</t>
  </si>
  <si>
    <t>BELLVILLE/ FM 2754</t>
  </si>
  <si>
    <t>701730-99999-1997.gz</t>
  </si>
  <si>
    <t>N BREWESTE</t>
  </si>
  <si>
    <t>723449-99999-1994.gz</t>
  </si>
  <si>
    <t>FY2012-UPSON-013</t>
  </si>
  <si>
    <t>SIX MILE 2</t>
  </si>
  <si>
    <t>724880-23185-2006.gz</t>
  </si>
  <si>
    <t>BOGGY</t>
  </si>
  <si>
    <t>MCGILL FIRE</t>
  </si>
  <si>
    <t>TEEPEE CREEK</t>
  </si>
  <si>
    <t>LINDEN - 140</t>
  </si>
  <si>
    <t>724454-93996-2011.gz</t>
  </si>
  <si>
    <t>NWR-20141027-001</t>
  </si>
  <si>
    <t>723306-13825-2014.gz</t>
  </si>
  <si>
    <t>CROOKED NORTH</t>
  </si>
  <si>
    <t>SMOKEY</t>
  </si>
  <si>
    <t xml:space="preserve">"BRINCAT,E"              </t>
  </si>
  <si>
    <t>ABBOTT RID</t>
  </si>
  <si>
    <t>BROWNSBORO HWY (2713)</t>
  </si>
  <si>
    <t>89TH RD. (61)</t>
  </si>
  <si>
    <t xml:space="preserve">CHAVEZ                   </t>
  </si>
  <si>
    <t xml:space="preserve">VIRGINIA ST / SPRUCE ST  </t>
  </si>
  <si>
    <t>KENT #1</t>
  </si>
  <si>
    <t>720415-00140-2009.gz</t>
  </si>
  <si>
    <t>LONG SIDE</t>
  </si>
  <si>
    <t>NOR-20140325-003</t>
  </si>
  <si>
    <t>LEFT HAND2</t>
  </si>
  <si>
    <t>RIGGINS</t>
  </si>
  <si>
    <t xml:space="preserve">MEADOWBROOK FIRE         </t>
  </si>
  <si>
    <t>083 BARRON ROAD</t>
  </si>
  <si>
    <t>SNAKEBUTTE</t>
  </si>
  <si>
    <t>CLUB</t>
  </si>
  <si>
    <t xml:space="preserve">OTAY 14                  </t>
  </si>
  <si>
    <t>722904-23196-1993.gz</t>
  </si>
  <si>
    <t>CLEAR CREEK</t>
  </si>
  <si>
    <t>STIMSON</t>
  </si>
  <si>
    <t>200 COLINS</t>
  </si>
  <si>
    <t>SALT 1</t>
  </si>
  <si>
    <t>LUCKY J</t>
  </si>
  <si>
    <t>WF SABINE PASS</t>
  </si>
  <si>
    <t>MS0    0808-4180325010</t>
  </si>
  <si>
    <t>CLAY PIGEON FIRE</t>
  </si>
  <si>
    <t>HETT</t>
  </si>
  <si>
    <t>FY2002-TAYLOR-012</t>
  </si>
  <si>
    <t>HQ FIRE</t>
  </si>
  <si>
    <t>994710-99999-2004.gz</t>
  </si>
  <si>
    <t>TURLINGTON</t>
  </si>
  <si>
    <t>MARCUM RIDGE RD</t>
  </si>
  <si>
    <t>MIDDLE LAKE CREEK</t>
  </si>
  <si>
    <t>725686-99999-2001.gz</t>
  </si>
  <si>
    <t xml:space="preserve">RICHARDS </t>
  </si>
  <si>
    <t xml:space="preserve">"FESLER, T"              </t>
  </si>
  <si>
    <t>MOORE LOST</t>
  </si>
  <si>
    <t>MESA ASSIST 2</t>
  </si>
  <si>
    <t>725717-99999-2002.gz</t>
  </si>
  <si>
    <t>745058-23277-2015.gz</t>
  </si>
  <si>
    <t>FIRE-305</t>
  </si>
  <si>
    <t xml:space="preserve">SANTA RITA               </t>
  </si>
  <si>
    <t>724236-03889-1993.gz</t>
  </si>
  <si>
    <t>JOLLY</t>
  </si>
  <si>
    <t>SUN COURT VILLA</t>
  </si>
  <si>
    <t>744994-04741-1994.gz</t>
  </si>
  <si>
    <t>K-1</t>
  </si>
  <si>
    <t>GUNNERSON LOCAL</t>
  </si>
  <si>
    <t>PLUM RUN</t>
  </si>
  <si>
    <t>723405-03930-2015.gz</t>
  </si>
  <si>
    <t>RL056</t>
  </si>
  <si>
    <t>SHEVLIN  0186</t>
  </si>
  <si>
    <t>720638-00224-2015.gz</t>
  </si>
  <si>
    <t>STOVALL RANCH</t>
  </si>
  <si>
    <t>PEALED DOGWOOD 1</t>
  </si>
  <si>
    <t xml:space="preserve">WOLF                     </t>
  </si>
  <si>
    <t>HERMOSA</t>
  </si>
  <si>
    <t>724014-93714-2012.gz</t>
  </si>
  <si>
    <t>HWY 100</t>
  </si>
  <si>
    <t>BRUCE MULLOY</t>
  </si>
  <si>
    <t>EVERETT CREEK</t>
  </si>
  <si>
    <t>727790-24146-1998.gz</t>
  </si>
  <si>
    <t>FY2001-LOWNDES-056</t>
  </si>
  <si>
    <t xml:space="preserve">TOGNALDA                 </t>
  </si>
  <si>
    <t>COW</t>
  </si>
  <si>
    <t>TUCKER RIDGE</t>
  </si>
  <si>
    <t>DINNEBITO WASH 1</t>
  </si>
  <si>
    <t>PARK PLACE POLE LINE FIRE</t>
  </si>
  <si>
    <t>SAND LAKE FIRE</t>
  </si>
  <si>
    <t>726504-54838-2015.gz</t>
  </si>
  <si>
    <t>06-12-PILLSBURY FIRE-1242</t>
  </si>
  <si>
    <t>JACOBY MTN</t>
  </si>
  <si>
    <t>726945-99999-1995.gz</t>
  </si>
  <si>
    <t>UNIT 3AB-03</t>
  </si>
  <si>
    <t>722400-03937-2003.gz</t>
  </si>
  <si>
    <t>BROKEN</t>
  </si>
  <si>
    <t>747950-12867-1996.gz</t>
  </si>
  <si>
    <t>RAN17386072</t>
  </si>
  <si>
    <t>PAGE</t>
  </si>
  <si>
    <t>724058-99999-2003.gz</t>
  </si>
  <si>
    <t>724454-93996-2013.gz</t>
  </si>
  <si>
    <t>CR 425</t>
  </si>
  <si>
    <t xml:space="preserve">PAYEN                    </t>
  </si>
  <si>
    <t>720278-03704-2010.gz</t>
  </si>
  <si>
    <t>GUCKER HILL</t>
  </si>
  <si>
    <t>723146-53892-2010.gz</t>
  </si>
  <si>
    <t xml:space="preserve">BIRD                     </t>
  </si>
  <si>
    <t>SER-20130330-005</t>
  </si>
  <si>
    <t>MCGIRT RD.</t>
  </si>
  <si>
    <t>SALT CREEK RANCH</t>
  </si>
  <si>
    <t>352 MIRAMAR CIRCLE</t>
  </si>
  <si>
    <t xml:space="preserve">"VOGT, C"                </t>
  </si>
  <si>
    <t>GLENWOOD ROAD</t>
  </si>
  <si>
    <t>726384-99999-2001.gz</t>
  </si>
  <si>
    <t>STONEHAVEN</t>
  </si>
  <si>
    <t>724459-99999-2005.gz</t>
  </si>
  <si>
    <t xml:space="preserve">WINEMAN                  </t>
  </si>
  <si>
    <t>SER-20141012-001</t>
  </si>
  <si>
    <t>WEST LEAFLET</t>
  </si>
  <si>
    <t>FLETCHER #6</t>
  </si>
  <si>
    <t>ROSE</t>
  </si>
  <si>
    <t>105 FIRE</t>
  </si>
  <si>
    <t>BIG RIDGE</t>
  </si>
  <si>
    <t>POVERTY RIM</t>
  </si>
  <si>
    <t>727870-99999-2010.gz</t>
  </si>
  <si>
    <t>RT 30</t>
  </si>
  <si>
    <t>023 TURKEY TROT</t>
  </si>
  <si>
    <t>LAIRD DR  (66)</t>
  </si>
  <si>
    <t>DIRECT PASTURE FIRE</t>
  </si>
  <si>
    <t>LINDEN - 452</t>
  </si>
  <si>
    <t>POINSETTIA</t>
  </si>
  <si>
    <t>OPAL</t>
  </si>
  <si>
    <t>CALIENTE FIRE</t>
  </si>
  <si>
    <t>DETTER</t>
  </si>
  <si>
    <t>SMITH RIVER</t>
  </si>
  <si>
    <t>168 days 00:00:00.000000000</t>
  </si>
  <si>
    <t>726930-24221-2002.gz</t>
  </si>
  <si>
    <t>CHEAMA</t>
  </si>
  <si>
    <t>723627-23081-2004.gz</t>
  </si>
  <si>
    <t>PANOCHE RD  BEAR_VALLEY 3</t>
  </si>
  <si>
    <t>747805-63818-2010.gz</t>
  </si>
  <si>
    <t>LITTLE MUD</t>
  </si>
  <si>
    <t>724457-03938-2005.gz</t>
  </si>
  <si>
    <t>METEOR FIRE</t>
  </si>
  <si>
    <t>726452-04826-2009.gz</t>
  </si>
  <si>
    <t>OAK CIRCLE BRASSFIELD</t>
  </si>
  <si>
    <t>EC60</t>
  </si>
  <si>
    <t>HEEZEN</t>
  </si>
  <si>
    <t>HOOKER CEM</t>
  </si>
  <si>
    <t>DELBARTON US 52</t>
  </si>
  <si>
    <t>TESNEZIAH</t>
  </si>
  <si>
    <t>FY2012-MCINTOSH-006</t>
  </si>
  <si>
    <t>GDG RD TWO</t>
  </si>
  <si>
    <t>TABLE</t>
  </si>
  <si>
    <t>CON10098194</t>
  </si>
  <si>
    <t>ELKINS CREEK #2</t>
  </si>
  <si>
    <t>724294-99999-1998.gz</t>
  </si>
  <si>
    <t>BLUE BANKS FIRE</t>
  </si>
  <si>
    <t>TRIPLE DIGIT FIRE</t>
  </si>
  <si>
    <t>723065-13783-2011.gz</t>
  </si>
  <si>
    <t>BOWERS FLAT</t>
  </si>
  <si>
    <t>724756-99999-2000.gz</t>
  </si>
  <si>
    <t xml:space="preserve">PINE HILLS               </t>
  </si>
  <si>
    <t>727445-99999-1994.gz</t>
  </si>
  <si>
    <t>RODEODRIVE</t>
  </si>
  <si>
    <t xml:space="preserve">FIRE 10138               </t>
  </si>
  <si>
    <t>PEACHTREE</t>
  </si>
  <si>
    <t>722748-99999-1998.gz</t>
  </si>
  <si>
    <t>TACO</t>
  </si>
  <si>
    <t xml:space="preserve">UNION                    </t>
  </si>
  <si>
    <t>LOONEYATLER BRANCH</t>
  </si>
  <si>
    <t>LYNX CREEK</t>
  </si>
  <si>
    <t>725865-99999-2001.gz</t>
  </si>
  <si>
    <t>CATHEDRAL PEAK</t>
  </si>
  <si>
    <t>68 days 00:00:00.000000000</t>
  </si>
  <si>
    <t>726797-24132-2003.gz</t>
  </si>
  <si>
    <t>ROSALEZ RD.</t>
  </si>
  <si>
    <t>STEVENS CANYON RD  STEVEN</t>
  </si>
  <si>
    <t>745090-23244-2010.gz</t>
  </si>
  <si>
    <t>ML9</t>
  </si>
  <si>
    <t>701970-99999-2002.gz</t>
  </si>
  <si>
    <t>ROCK QUARRY</t>
  </si>
  <si>
    <t>STRIFE</t>
  </si>
  <si>
    <t>727790-24146-2008.gz</t>
  </si>
  <si>
    <t>JENKINS</t>
  </si>
  <si>
    <t>CHICKEN RD.</t>
  </si>
  <si>
    <t>YREKA</t>
  </si>
  <si>
    <t>BEAR FO</t>
  </si>
  <si>
    <t>EASTER 1</t>
  </si>
  <si>
    <t>COPPER TRACE</t>
  </si>
  <si>
    <t>722416-12971-2010.gz</t>
  </si>
  <si>
    <t>CEDAR CIRCLE</t>
  </si>
  <si>
    <t>745985-63806-2011.gz</t>
  </si>
  <si>
    <t>845 ST IVES RD , AL</t>
  </si>
  <si>
    <t>MATTA PONI</t>
  </si>
  <si>
    <t>SEA7037707</t>
  </si>
  <si>
    <t>BUD TILLEY ROAD</t>
  </si>
  <si>
    <t>CREEK FELLS WAY</t>
  </si>
  <si>
    <t>723260-13891-2010.gz</t>
  </si>
  <si>
    <t>724395-03958-2009.gz</t>
  </si>
  <si>
    <t>GARY DAVIS</t>
  </si>
  <si>
    <t>FY2001-TOOMBS-034</t>
  </si>
  <si>
    <t>RAMSEY RD. FIRE</t>
  </si>
  <si>
    <t>ALLEN WELLER</t>
  </si>
  <si>
    <t>FM 230</t>
  </si>
  <si>
    <t>TERRY RANCH</t>
  </si>
  <si>
    <t>PICKY</t>
  </si>
  <si>
    <t>FM 219</t>
  </si>
  <si>
    <t>722563-53952-2010.gz</t>
  </si>
  <si>
    <t>COWBOY  (O4)</t>
  </si>
  <si>
    <t>722053-12841-2010.gz</t>
  </si>
  <si>
    <t>PINNACLE ROCK FIRE</t>
  </si>
  <si>
    <t>727928-94263-2015.gz</t>
  </si>
  <si>
    <t>ROAD BRANCH</t>
  </si>
  <si>
    <t>SINYALAK CREEK</t>
  </si>
  <si>
    <t>33 days 00:00:00.000000000</t>
  </si>
  <si>
    <t>725628-04935-2013.gz</t>
  </si>
  <si>
    <t>CHESLEY LANE</t>
  </si>
  <si>
    <t>723084-99999-2000.gz</t>
  </si>
  <si>
    <t>BILLY</t>
  </si>
  <si>
    <t>FY2000-GRADY-055</t>
  </si>
  <si>
    <t>W MOUNTAIN VIEW BL  BIG_B</t>
  </si>
  <si>
    <t>LAST DITCH</t>
  </si>
  <si>
    <t>723040-99999-1999.gz</t>
  </si>
  <si>
    <t>RUSHTON</t>
  </si>
  <si>
    <t>MOREHEAD</t>
  </si>
  <si>
    <t>727444-99999-2002.gz</t>
  </si>
  <si>
    <t>THOMAS SPRINGS</t>
  </si>
  <si>
    <t>MILL CR</t>
  </si>
  <si>
    <t>FY2002-PIERCE-026</t>
  </si>
  <si>
    <t>DEER RUN FIRE</t>
  </si>
  <si>
    <t>115 DRY LEAF</t>
  </si>
  <si>
    <t>EARLY MORNING</t>
  </si>
  <si>
    <t xml:space="preserve">MATHEWS*                 </t>
  </si>
  <si>
    <t>LYNN</t>
  </si>
  <si>
    <t>POWDERHORN</t>
  </si>
  <si>
    <t>722143-99999-2005.gz</t>
  </si>
  <si>
    <t>KEVIN JOHNSON</t>
  </si>
  <si>
    <t>FY2014-MONROE-014</t>
  </si>
  <si>
    <t>720966-00339-2014.gz</t>
  </si>
  <si>
    <t>DEO</t>
  </si>
  <si>
    <t>MCCLYMOND FM 3418</t>
  </si>
  <si>
    <t>723350-13877-2011.gz</t>
  </si>
  <si>
    <t>MEADOWS FIRE</t>
  </si>
  <si>
    <t xml:space="preserve">108# 3                   </t>
  </si>
  <si>
    <t>FARM</t>
  </si>
  <si>
    <t>BROWNS</t>
  </si>
  <si>
    <t>GOLDDIGGER</t>
  </si>
  <si>
    <t>726774-99999-1997.gz</t>
  </si>
  <si>
    <t>HOG</t>
  </si>
  <si>
    <t>MURPHY HOLLOW</t>
  </si>
  <si>
    <t>722322-00361-2015.gz</t>
  </si>
  <si>
    <t>COFER CEMETERY LANE</t>
  </si>
  <si>
    <t>722154-53885-2015.gz</t>
  </si>
  <si>
    <t>CR 2180 / FM 1896</t>
  </si>
  <si>
    <t>RATTLE</t>
  </si>
  <si>
    <t>724915-23245-1999.gz</t>
  </si>
  <si>
    <t>HARD WAY</t>
  </si>
  <si>
    <t>726667-24048-2010.gz</t>
  </si>
  <si>
    <t>725023-00474-2015.gz</t>
  </si>
  <si>
    <t>DRY CK ELB</t>
  </si>
  <si>
    <t>997696-99999-2010.gz</t>
  </si>
  <si>
    <t>YOLO</t>
  </si>
  <si>
    <t>723527-13975-2008.gz</t>
  </si>
  <si>
    <t>KIETH GUN FIRE</t>
  </si>
  <si>
    <t>720862-99999-2012.gz</t>
  </si>
  <si>
    <t xml:space="preserve">HAPPY                    </t>
  </si>
  <si>
    <t>MS0    1010-3311010006</t>
  </si>
  <si>
    <t>006 WEEKS</t>
  </si>
  <si>
    <t>722319-99999-2004.gz</t>
  </si>
  <si>
    <t>727478-04934-2015.gz</t>
  </si>
  <si>
    <t>LYNFIELD PLACE</t>
  </si>
  <si>
    <t>725029-99999-1999.gz</t>
  </si>
  <si>
    <t>SWR-20140118-003</t>
  </si>
  <si>
    <t>SMOKED HAM FIRE</t>
  </si>
  <si>
    <t>727347-14841-2006.gz</t>
  </si>
  <si>
    <t>SALLY GAP</t>
  </si>
  <si>
    <t xml:space="preserve">FKU #27192               </t>
  </si>
  <si>
    <t>690230-24255-1994.gz</t>
  </si>
  <si>
    <t>BALES #08</t>
  </si>
  <si>
    <t>ROSEBUD</t>
  </si>
  <si>
    <t>726798-24150-2012.gz</t>
  </si>
  <si>
    <t>747880-12810-2008.gz</t>
  </si>
  <si>
    <t>COYOTE 2</t>
  </si>
  <si>
    <t>PIZZA 3</t>
  </si>
  <si>
    <t>722780-23183-2004.gz</t>
  </si>
  <si>
    <t>LINDEN - 190</t>
  </si>
  <si>
    <t>PVFD 3</t>
  </si>
  <si>
    <t>723870-03160-2009.gz</t>
  </si>
  <si>
    <t>FIRSTLK</t>
  </si>
  <si>
    <t>SR 40 FIRE (64)</t>
  </si>
  <si>
    <t>720904-00299-2014.gz</t>
  </si>
  <si>
    <t>BEAN</t>
  </si>
  <si>
    <t>BEAN PATCH</t>
  </si>
  <si>
    <t>724756-23159-1999.gz</t>
  </si>
  <si>
    <t>DOWN POUR</t>
  </si>
  <si>
    <t>723030-99999-2002.gz</t>
  </si>
  <si>
    <t>MANN CAMP</t>
  </si>
  <si>
    <t>PUMPHOUSE  ( 06 )</t>
  </si>
  <si>
    <t>722037-92809-2014.gz</t>
  </si>
  <si>
    <t>4332 FERN VALLEY RD</t>
  </si>
  <si>
    <t>725970-24225-2012.gz</t>
  </si>
  <si>
    <t>MS0    0909-4300617004</t>
  </si>
  <si>
    <t>726056-54791-2006.gz</t>
  </si>
  <si>
    <t>HIGHWAY 53 WEST FIRE</t>
  </si>
  <si>
    <t>RIDGECREST</t>
  </si>
  <si>
    <t>MEADOW LARK LN (67)</t>
  </si>
  <si>
    <t>747760-03818-2014.gz</t>
  </si>
  <si>
    <t>723604-23007-2007.gz</t>
  </si>
  <si>
    <t>BLUE JAY</t>
  </si>
  <si>
    <t>726824-04112-2014.gz</t>
  </si>
  <si>
    <t>R ROAD</t>
  </si>
  <si>
    <t>INDUSTRIAL PARK</t>
  </si>
  <si>
    <t>9400 WEST 01</t>
  </si>
  <si>
    <t>NEW MOON</t>
  </si>
  <si>
    <t>726077-14616-2007.gz</t>
  </si>
  <si>
    <t>SILO HOLLOW</t>
  </si>
  <si>
    <t>HEAT WAVE</t>
  </si>
  <si>
    <t>WEST SIDE FIRE</t>
  </si>
  <si>
    <t>BEAVER LICK MOUNTAIN</t>
  </si>
  <si>
    <t>EAST BOY RIVER</t>
  </si>
  <si>
    <t>727497-04984-2014.gz</t>
  </si>
  <si>
    <t>15-0144</t>
  </si>
  <si>
    <t>720609-99999-2010.gz</t>
  </si>
  <si>
    <t>US377S/REDLANE</t>
  </si>
  <si>
    <t>CR1400S</t>
  </si>
  <si>
    <t>NELSON LAKE POINT</t>
  </si>
  <si>
    <t>HOCKER</t>
  </si>
  <si>
    <t>SANDHILL RD.</t>
  </si>
  <si>
    <t>724075-13735-2010.gz</t>
  </si>
  <si>
    <t>CW000222</t>
  </si>
  <si>
    <t>DEERFLY FIRE</t>
  </si>
  <si>
    <t>VALLEY STREAM</t>
  </si>
  <si>
    <t>722447-99999-2000.gz</t>
  </si>
  <si>
    <t>727415-99999-1994.gz</t>
  </si>
  <si>
    <t>HOLLISTER RD  (32)</t>
  </si>
  <si>
    <t>JONES MOUNTAIN FIRE</t>
  </si>
  <si>
    <t>GIBRALTER RAPPELLER</t>
  </si>
  <si>
    <t>VALLY VIEW</t>
  </si>
  <si>
    <t>726514-94032-2013.gz</t>
  </si>
  <si>
    <t>GRASSY</t>
  </si>
  <si>
    <t>726190-99999-2002.gz</t>
  </si>
  <si>
    <t>LLAMA RANCH</t>
  </si>
  <si>
    <t>722575-03972-2014.gz</t>
  </si>
  <si>
    <t>BROADBRIDGE RD.</t>
  </si>
  <si>
    <t xml:space="preserve">LARKIN                   </t>
  </si>
  <si>
    <t>725717-99999-1997.gz</t>
  </si>
  <si>
    <t>DUCHESS</t>
  </si>
  <si>
    <t>724459-53931-2009.gz</t>
  </si>
  <si>
    <t>A1302079</t>
  </si>
  <si>
    <t>THOMPSON LANE</t>
  </si>
  <si>
    <t>725527-94978-2013.gz</t>
  </si>
  <si>
    <t>FY2000-WARE-091</t>
  </si>
  <si>
    <t>4199  COUNTY ROAD 2207</t>
  </si>
  <si>
    <t>SMITH HOLLOW</t>
  </si>
  <si>
    <t>FY2011-COFFEE-090</t>
  </si>
  <si>
    <t>MEADOR BRANCH</t>
  </si>
  <si>
    <t>SANTA</t>
  </si>
  <si>
    <t>CANDLE</t>
  </si>
  <si>
    <t>40 - PINEY WOODS - 0163</t>
  </si>
  <si>
    <t>CERRO ENCE</t>
  </si>
  <si>
    <t>723625-93057-1999.gz</t>
  </si>
  <si>
    <t>SAGECANYON</t>
  </si>
  <si>
    <t>722291-00470-2012.gz</t>
  </si>
  <si>
    <t>722284-99999-2003.gz</t>
  </si>
  <si>
    <t>SLEEPY GROVE</t>
  </si>
  <si>
    <t>FY2000-LONG-016</t>
  </si>
  <si>
    <t>083 SQUIRREL TAIL</t>
  </si>
  <si>
    <t>723444-99999-1994.gz</t>
  </si>
  <si>
    <t>723629-53998-2013.gz</t>
  </si>
  <si>
    <t>NWR-20120225-003</t>
  </si>
  <si>
    <t>OATES</t>
  </si>
  <si>
    <t>747185-99999-2002.gz</t>
  </si>
  <si>
    <t>725084-99999-2001.gz</t>
  </si>
  <si>
    <t xml:space="preserve">HUMBOLT                  </t>
  </si>
  <si>
    <t>LAVERKINCL</t>
  </si>
  <si>
    <t>UNNAMED FIRE 0925</t>
  </si>
  <si>
    <t>723171-53144-2006.gz</t>
  </si>
  <si>
    <t>TRAIL CRK</t>
  </si>
  <si>
    <t>725786-99999-2003.gz</t>
  </si>
  <si>
    <t>RADIO</t>
  </si>
  <si>
    <t>724127-53801-2009.gz</t>
  </si>
  <si>
    <t>HENDERSON - 211</t>
  </si>
  <si>
    <t>722269-03850-2006.gz</t>
  </si>
  <si>
    <t>CAMPBELLS CREEK DR</t>
  </si>
  <si>
    <t>MCCULLOCH CO.-MUTAL AID</t>
  </si>
  <si>
    <t>ROCK HOUSE</t>
  </si>
  <si>
    <t>MS0    1010-4200312007</t>
  </si>
  <si>
    <t>PK COMPLEX</t>
  </si>
  <si>
    <t>RIVES</t>
  </si>
  <si>
    <t>BENJLK</t>
  </si>
  <si>
    <t>FY2002-BULLOCH-130</t>
  </si>
  <si>
    <t>US26MP174E</t>
  </si>
  <si>
    <t>722115-12871-2009.gz</t>
  </si>
  <si>
    <t>722253-53992-2015.gz</t>
  </si>
  <si>
    <t>FY2001-EVANS-049</t>
  </si>
  <si>
    <t>WATERWAY</t>
  </si>
  <si>
    <t>ARROW TWO</t>
  </si>
  <si>
    <t>15596 OPHIR CREEK</t>
  </si>
  <si>
    <t>703052-26652-2015.gz</t>
  </si>
  <si>
    <t>725196-14717-1993.gz</t>
  </si>
  <si>
    <t>WILEY</t>
  </si>
  <si>
    <t>MAGIC SLOUGH</t>
  </si>
  <si>
    <t xml:space="preserve">EDMIONSON                </t>
  </si>
  <si>
    <t>BLK-MESA01</t>
  </si>
  <si>
    <t>PRICE BRANCH</t>
  </si>
  <si>
    <t>-</t>
  </si>
  <si>
    <t>BLUE HOUSE</t>
  </si>
  <si>
    <t>T3R8</t>
  </si>
  <si>
    <t>726196-14610-1993.gz</t>
  </si>
  <si>
    <t>BOAT RAMP FIRE</t>
  </si>
  <si>
    <t>L.FOUNTAIN</t>
  </si>
  <si>
    <t>BIRCH LOG DECK</t>
  </si>
  <si>
    <t>726404-04865-2006.gz</t>
  </si>
  <si>
    <t>722268-13839-2008.gz</t>
  </si>
  <si>
    <t>SISK ROAD FIRE</t>
  </si>
  <si>
    <t>722666-93943-2007.gz</t>
  </si>
  <si>
    <t>FY2002-FANNIN-029</t>
  </si>
  <si>
    <t>FY2002-PIKE-037</t>
  </si>
  <si>
    <t>MUZZLE FORK</t>
  </si>
  <si>
    <t>MIDDLE DOLAN</t>
  </si>
  <si>
    <t>722363-23098-2009.gz</t>
  </si>
  <si>
    <t>FY2015-WAYNE-034</t>
  </si>
  <si>
    <t>ST.PETER</t>
  </si>
  <si>
    <t>CUMBIE RD, AL</t>
  </si>
  <si>
    <t>DUTCH COVE FIRE</t>
  </si>
  <si>
    <t>DEATHERAGE</t>
  </si>
  <si>
    <t>DELANEY/COPANO BAY DR.</t>
  </si>
  <si>
    <t xml:space="preserve">BENNETT                  </t>
  </si>
  <si>
    <t>724955-99999-1996.gz</t>
  </si>
  <si>
    <t>MULCH PILE</t>
  </si>
  <si>
    <t>746939-93785-2010.gz</t>
  </si>
  <si>
    <t xml:space="preserve">"LOCAL FIRE ""53RD"""    </t>
  </si>
  <si>
    <t>747187-03104-1993.gz</t>
  </si>
  <si>
    <t>TROTTER AND CROSS TIMBERS</t>
  </si>
  <si>
    <t>746940-03708-2010.gz</t>
  </si>
  <si>
    <t>CLYMER CREEK ROAD</t>
  </si>
  <si>
    <t>ROCK VIEW</t>
  </si>
  <si>
    <t>5400 FM 2264</t>
  </si>
  <si>
    <t>722594-53909-2013.gz</t>
  </si>
  <si>
    <t>ARROWOOD ST  BURNEY 20</t>
  </si>
  <si>
    <t>137 COMPLEX</t>
  </si>
  <si>
    <t>722279-53852-2008.gz</t>
  </si>
  <si>
    <t>ANNA WATTY</t>
  </si>
  <si>
    <t>PORTER DRIVE</t>
  </si>
  <si>
    <t>S LILLEY WY  YOSEMITE_L 2</t>
  </si>
  <si>
    <t>724660-93037-2013.gz</t>
  </si>
  <si>
    <t>FY2002-BAKER-054</t>
  </si>
  <si>
    <t>ROSSSPRING</t>
  </si>
  <si>
    <t>RL221</t>
  </si>
  <si>
    <t>BERTHA</t>
  </si>
  <si>
    <t>EAST PINACLE</t>
  </si>
  <si>
    <t>720455-00145-2013.gz</t>
  </si>
  <si>
    <t>DURRANT</t>
  </si>
  <si>
    <t>725755-24101-1999.gz</t>
  </si>
  <si>
    <t>FY2001-FLOYD-072</t>
  </si>
  <si>
    <t>FY2013-TOOMBS-045</t>
  </si>
  <si>
    <t>JUST IN TIME</t>
  </si>
  <si>
    <t>HALFWAY CR</t>
  </si>
  <si>
    <t xml:space="preserve">ROAD 78  / HWY 16        </t>
  </si>
  <si>
    <t>FY2002-COWETA-024</t>
  </si>
  <si>
    <t>HANKS</t>
  </si>
  <si>
    <t>723443-53955-2007.gz</t>
  </si>
  <si>
    <t>UPPER CANE CREEK</t>
  </si>
  <si>
    <t>BEAVER LOG LAKES</t>
  </si>
  <si>
    <t>101 days 00:00:00.000000000</t>
  </si>
  <si>
    <t>702460-26512-2013.gz</t>
  </si>
  <si>
    <t>725208-99999-2002.gz</t>
  </si>
  <si>
    <t xml:space="preserve">S C AND D BL / 18TH AV   </t>
  </si>
  <si>
    <t>KIMBALL M.</t>
  </si>
  <si>
    <t>SHIRLEY CAMP (36)</t>
  </si>
  <si>
    <t xml:space="preserve">FR CO 44                 </t>
  </si>
  <si>
    <t>WHISKEY CREEK BRIDGE</t>
  </si>
  <si>
    <t>725985-24267-2011.gz</t>
  </si>
  <si>
    <t>LINDEN - 6065</t>
  </si>
  <si>
    <t>CYPRESS BEND LANE/HWY 210E #1</t>
  </si>
  <si>
    <t>JENNIES CREEK</t>
  </si>
  <si>
    <t>BENDER</t>
  </si>
  <si>
    <t>BLACK SMOKE</t>
  </si>
  <si>
    <t>PANTHER PATH (64)</t>
  </si>
  <si>
    <t>MUTUAL AID GRASS FIRE</t>
  </si>
  <si>
    <t>722541-53914-2015.gz</t>
  </si>
  <si>
    <t>SQUARE TOP</t>
  </si>
  <si>
    <t>SWR-20150213-002</t>
  </si>
  <si>
    <t>726873-99999-1994.gz</t>
  </si>
  <si>
    <t>726875-94107-1999.gz</t>
  </si>
  <si>
    <t>FY2011-EARLY-070</t>
  </si>
  <si>
    <t>GRIND</t>
  </si>
  <si>
    <t>723747-03101-2012.gz</t>
  </si>
  <si>
    <t>722523-12970-2012.gz</t>
  </si>
  <si>
    <t>EL GENERAL</t>
  </si>
  <si>
    <t>JOHNSON FLAT</t>
  </si>
  <si>
    <t>723723-23184-2009.gz</t>
  </si>
  <si>
    <t xml:space="preserve">LARKIN IC WHITE 3        </t>
  </si>
  <si>
    <t>723347-03809-1996.gz</t>
  </si>
  <si>
    <t>PAWNEE BUTTES</t>
  </si>
  <si>
    <t>WASH OUT</t>
  </si>
  <si>
    <t>722593-03985-2007.gz</t>
  </si>
  <si>
    <t xml:space="preserve">TRUCK                    </t>
  </si>
  <si>
    <t>BURSON ROAD</t>
  </si>
  <si>
    <t>720412-54943-2014.gz</t>
  </si>
  <si>
    <t>HEARTBURN</t>
  </si>
  <si>
    <t>MESA DRAIN</t>
  </si>
  <si>
    <t>723400-03952-2006.gz</t>
  </si>
  <si>
    <t>FY2001-BACON-032</t>
  </si>
  <si>
    <t>724090-14780-1995.gz</t>
  </si>
  <si>
    <t>726467-99999-2000.gz</t>
  </si>
  <si>
    <t>NORKOK</t>
  </si>
  <si>
    <t>MORAIRE</t>
  </si>
  <si>
    <t>BOWMAN / TAC 3</t>
  </si>
  <si>
    <t>SUMMIT 2</t>
  </si>
  <si>
    <t>1 COUNTY ROAD 2148</t>
  </si>
  <si>
    <t>FRANCISCAN</t>
  </si>
  <si>
    <t>RANDALL CANYON</t>
  </si>
  <si>
    <t>726884-24148-2009.gz</t>
  </si>
  <si>
    <t>722060-13889-1991.gz</t>
  </si>
  <si>
    <t>FY2013-SUMTER-043</t>
  </si>
  <si>
    <t>FEATHER</t>
  </si>
  <si>
    <t>MARTIN FIRE</t>
  </si>
  <si>
    <t>GRIZZLY</t>
  </si>
  <si>
    <t>BEARISLAND</t>
  </si>
  <si>
    <t>727508-54915-2008.gz</t>
  </si>
  <si>
    <t>COGGIN</t>
  </si>
  <si>
    <t xml:space="preserve">DERRIN                   </t>
  </si>
  <si>
    <t>744672-04862-2009.gz</t>
  </si>
  <si>
    <t>CONTROLLED BURN</t>
  </si>
  <si>
    <t>722012-92817-2008.gz</t>
  </si>
  <si>
    <t>CARAMEL DR</t>
  </si>
  <si>
    <t>726710-24164-2003.gz</t>
  </si>
  <si>
    <t>CHAMBERLIN FIRE</t>
  </si>
  <si>
    <t>TARPIN  (49)</t>
  </si>
  <si>
    <t>FY2012-COLQUITT-047</t>
  </si>
  <si>
    <t xml:space="preserve">MANNING                  </t>
  </si>
  <si>
    <t xml:space="preserve">SRT                      </t>
  </si>
  <si>
    <t>REEVES CREEK</t>
  </si>
  <si>
    <t>BIG PINE</t>
  </si>
  <si>
    <t>BLACKHILLS</t>
  </si>
  <si>
    <t>724756-23159-1995.gz</t>
  </si>
  <si>
    <t>CLUB HOUSE/GIN RD.</t>
  </si>
  <si>
    <t>FRANCIS (55)</t>
  </si>
  <si>
    <t>722212-92814-2012.gz</t>
  </si>
  <si>
    <t xml:space="preserve">SABER                    </t>
  </si>
  <si>
    <t>725945-24283-1996.gz</t>
  </si>
  <si>
    <t>726404-99999-1992.gz</t>
  </si>
  <si>
    <t>RAVEN</t>
  </si>
  <si>
    <t>SAND HILL</t>
  </si>
  <si>
    <t>BIG HOLLOW</t>
  </si>
  <si>
    <t>BURNTSIDE</t>
  </si>
  <si>
    <t>726549-99999-2005.gz</t>
  </si>
  <si>
    <t>725955-24259-2009.gz</t>
  </si>
  <si>
    <t>THIS ONE IS YOURS</t>
  </si>
  <si>
    <t>MILL FIRE</t>
  </si>
  <si>
    <t>RL089</t>
  </si>
  <si>
    <t>ROPER BAY FIELD</t>
  </si>
  <si>
    <t>FY2012-MILLER-024</t>
  </si>
  <si>
    <t>PROVIDENCE</t>
  </si>
  <si>
    <t>723894-99999-2005.gz</t>
  </si>
  <si>
    <t>723104-99999-2004.gz</t>
  </si>
  <si>
    <t>THECAPTAIN</t>
  </si>
  <si>
    <t xml:space="preserve">MAYNARD #3               </t>
  </si>
  <si>
    <t>WHITEWATER 2</t>
  </si>
  <si>
    <t>HOMESTEAD</t>
  </si>
  <si>
    <t>727676-24013-2005.gz</t>
  </si>
  <si>
    <t>FM 2947  3 M W. HWY 69</t>
  </si>
  <si>
    <t>726574-99999-2004.gz</t>
  </si>
  <si>
    <t>WHATSTHIS</t>
  </si>
  <si>
    <t>724556-99999-2001.gz</t>
  </si>
  <si>
    <t>FY2015-EFFINGHAM-007</t>
  </si>
  <si>
    <t>747804-13824-2014.gz</t>
  </si>
  <si>
    <t>MS1116</t>
  </si>
  <si>
    <t>GRANITE CREEK</t>
  </si>
  <si>
    <t>723084-93775-2014.gz</t>
  </si>
  <si>
    <t>STICK</t>
  </si>
  <si>
    <t>FY2012-HANCOCK-032</t>
  </si>
  <si>
    <t>DIXIE CAMP MAINLINE #2 (15)</t>
  </si>
  <si>
    <t>11-0006218</t>
  </si>
  <si>
    <t>725155-94761-2011.gz</t>
  </si>
  <si>
    <t>COUNTRYMAN FIRE</t>
  </si>
  <si>
    <t>723754-99999-1993.gz</t>
  </si>
  <si>
    <t>723116-03742-2015.gz</t>
  </si>
  <si>
    <t>PINEY FLATS</t>
  </si>
  <si>
    <t>QUARTZ CREEK</t>
  </si>
  <si>
    <t>OGLE DEBRIS FIRE</t>
  </si>
  <si>
    <t>RATONSPRING</t>
  </si>
  <si>
    <t>ROYAL GORGE 1-14 (34)</t>
  </si>
  <si>
    <t>725150-04725-1992.gz</t>
  </si>
  <si>
    <t>SUMMITT</t>
  </si>
  <si>
    <t>ASSIST ATA-BEXAR</t>
  </si>
  <si>
    <t>CHEYENNE</t>
  </si>
  <si>
    <t>SWR-20150221-004</t>
  </si>
  <si>
    <t>BALL FIRE</t>
  </si>
  <si>
    <t>723443-99999-2003.gz</t>
  </si>
  <si>
    <t>FY2013-BURKE-060</t>
  </si>
  <si>
    <t>HORN 3</t>
  </si>
  <si>
    <t xml:space="preserve">CLIFF                    </t>
  </si>
  <si>
    <t>724920-23237-1998.gz</t>
  </si>
  <si>
    <t>723340-13893-2003.gz</t>
  </si>
  <si>
    <t>LITTLE ELK</t>
  </si>
  <si>
    <t>110TH AVE MURRAY IA, IA</t>
  </si>
  <si>
    <t>GOOD GUESS  (O5)</t>
  </si>
  <si>
    <t xml:space="preserve">EAST                     </t>
  </si>
  <si>
    <t>722011-92813-2009.gz</t>
  </si>
  <si>
    <t>720387-99999-2009.gz</t>
  </si>
  <si>
    <t>MS0    1010-6260331002</t>
  </si>
  <si>
    <t>CLIFTON PAULSON</t>
  </si>
  <si>
    <t>ODYSSEY LN.</t>
  </si>
  <si>
    <t>DEER CREEK DAM</t>
  </si>
  <si>
    <t xml:space="preserve">GRANITE ROCK             </t>
  </si>
  <si>
    <t>KING HILL</t>
  </si>
  <si>
    <t>724077-54779-2008.gz</t>
  </si>
  <si>
    <t>720631-00217-2011.gz</t>
  </si>
  <si>
    <t>OVERWHICH FALLS</t>
  </si>
  <si>
    <t>YELLOW MTN</t>
  </si>
  <si>
    <t>7 MILE</t>
  </si>
  <si>
    <t xml:space="preserve">HYSKE                    </t>
  </si>
  <si>
    <t>BURNT GRASS FIRE</t>
  </si>
  <si>
    <t>747686-13820-2013.gz</t>
  </si>
  <si>
    <t>DEVILS POINT</t>
  </si>
  <si>
    <t>726865-24196-2011.gz</t>
  </si>
  <si>
    <t>012-202</t>
  </si>
  <si>
    <t>STEPHENSON</t>
  </si>
  <si>
    <t>602 MP 2</t>
  </si>
  <si>
    <t>BARNETT</t>
  </si>
  <si>
    <t>RED LAKE 009</t>
  </si>
  <si>
    <t>MS0    0909-5570626003</t>
  </si>
  <si>
    <t>747900-13849-2008.gz</t>
  </si>
  <si>
    <t>FY2015-FRANKLIN-010</t>
  </si>
  <si>
    <t>749483-00394-2015.gz</t>
  </si>
  <si>
    <t>203 AVE #3</t>
  </si>
  <si>
    <t>MS0    0909-2800307008</t>
  </si>
  <si>
    <t>E. LIVE OAK</t>
  </si>
  <si>
    <t>722275-99999-1994.gz</t>
  </si>
  <si>
    <t>NOV24-2010</t>
  </si>
  <si>
    <t>MS0    0808-4460320003</t>
  </si>
  <si>
    <t>118TH (11)</t>
  </si>
  <si>
    <t>SUTHERLAND</t>
  </si>
  <si>
    <t>727855-24114-1999.gz</t>
  </si>
  <si>
    <t>K.SIMON</t>
  </si>
  <si>
    <t>722218-00356-2013.gz</t>
  </si>
  <si>
    <t>FY2015-APPLING-017</t>
  </si>
  <si>
    <t>723160-13870-2014.gz</t>
  </si>
  <si>
    <t>CARY</t>
  </si>
  <si>
    <t>722730-03124-2012.gz</t>
  </si>
  <si>
    <t>TAB</t>
  </si>
  <si>
    <t>724765-99999-1999.gz</t>
  </si>
  <si>
    <t>725156-14748-2003.gz</t>
  </si>
  <si>
    <t>722119-12883-2007.gz</t>
  </si>
  <si>
    <t>726516-24024-2015.gz</t>
  </si>
  <si>
    <t>722030-12844-1999.gz</t>
  </si>
  <si>
    <t>POOL</t>
  </si>
  <si>
    <t>722274-54939-2015.gz</t>
  </si>
  <si>
    <t>CR 3801 @ CR 3700</t>
  </si>
  <si>
    <t>ISLAND POND</t>
  </si>
  <si>
    <t>FY2001-BLECKLEY-062</t>
  </si>
  <si>
    <t>FY2002-HANCOCK-010</t>
  </si>
  <si>
    <t>GRASS CLIPPING PILE</t>
  </si>
  <si>
    <t>723747-99999-1992.gz</t>
  </si>
  <si>
    <t>722064-99999-1996.gz</t>
  </si>
  <si>
    <t>CELL TOWER FIRE</t>
  </si>
  <si>
    <t>722539-12979-2014.gz</t>
  </si>
  <si>
    <t>720534-99999-2013.gz</t>
  </si>
  <si>
    <t>EC314</t>
  </si>
  <si>
    <t>723754-99999-1995.gz</t>
  </si>
  <si>
    <t>S. PLANK ROAD FIRE</t>
  </si>
  <si>
    <t>BIRCH HILL ROAD</t>
  </si>
  <si>
    <t>GOLD CREEK</t>
  </si>
  <si>
    <t>727815-24237-1997.gz</t>
  </si>
  <si>
    <t>FY2002-COFFEE-014</t>
  </si>
  <si>
    <t>MOSS</t>
  </si>
  <si>
    <t>FY2002-WASHINGTON-097</t>
  </si>
  <si>
    <t xml:space="preserve">FREEDOM                  </t>
  </si>
  <si>
    <t>GRADY STOWE</t>
  </si>
  <si>
    <t>720281-53969-2013.gz</t>
  </si>
  <si>
    <t>FY2002-POLK-128</t>
  </si>
  <si>
    <t>RICHFIELD</t>
  </si>
  <si>
    <t>726816-04110-2014.gz</t>
  </si>
  <si>
    <t xml:space="preserve">SHELDON FIRE             </t>
  </si>
  <si>
    <t>723895-99999-2000.gz</t>
  </si>
  <si>
    <t>724016-93736-1999.gz</t>
  </si>
  <si>
    <t>727500-99999-1994.gz</t>
  </si>
  <si>
    <t>SHOGREN ROAD</t>
  </si>
  <si>
    <t>MS0    0808-2400317009</t>
  </si>
  <si>
    <t>TATLAWIKSUK RIVER</t>
  </si>
  <si>
    <t>702315-26536-2013.gz</t>
  </si>
  <si>
    <t>724459-99999-2002.gz</t>
  </si>
  <si>
    <t>BULL ROCK</t>
  </si>
  <si>
    <t>WARD CREEK</t>
  </si>
  <si>
    <t>LORIN MEIDINGER</t>
  </si>
  <si>
    <t>021 LIVINGSTON</t>
  </si>
  <si>
    <t>724090-14780-2001.gz</t>
  </si>
  <si>
    <t>MORELOS</t>
  </si>
  <si>
    <t>722800-99999-2001.gz</t>
  </si>
  <si>
    <t xml:space="preserve">SLU 1631                 </t>
  </si>
  <si>
    <t>BOBBY CREEK</t>
  </si>
  <si>
    <t>NORVOLD</t>
  </si>
  <si>
    <t>725285-99999-1995.gz</t>
  </si>
  <si>
    <t>LEFT FORK OF BULL CREEK</t>
  </si>
  <si>
    <t>NEW ZION</t>
  </si>
  <si>
    <t>MS0    0909-4230411005</t>
  </si>
  <si>
    <t>SALTERS LAKE FIRE</t>
  </si>
  <si>
    <t>LICK CREEK WFU</t>
  </si>
  <si>
    <t>RL220</t>
  </si>
  <si>
    <t>LITTLE BREED</t>
  </si>
  <si>
    <t>MOUNTAIN HOME FIRE</t>
  </si>
  <si>
    <t>BEIJA</t>
  </si>
  <si>
    <t>CRIST NORTH</t>
  </si>
  <si>
    <t>COURNOYER</t>
  </si>
  <si>
    <t>MUD TANK</t>
  </si>
  <si>
    <t>DOF PRARIE FIRE</t>
  </si>
  <si>
    <t>723087-93735-1995.gz</t>
  </si>
  <si>
    <t xml:space="preserve">TORGERSON                </t>
  </si>
  <si>
    <t>725940-24213-2006.gz</t>
  </si>
  <si>
    <t>CARPET DUMP</t>
  </si>
  <si>
    <t>FY2001-DODGE-080</t>
  </si>
  <si>
    <t>RIZER</t>
  </si>
  <si>
    <t>EDGEWOOD</t>
  </si>
  <si>
    <t>FY2000-WARE-119</t>
  </si>
  <si>
    <t>FIGHTING BOBCATS</t>
  </si>
  <si>
    <t>BEAR CANYON RD 1</t>
  </si>
  <si>
    <t>PATTON RD FIRE</t>
  </si>
  <si>
    <t>MS0    0909-3330305003</t>
  </si>
  <si>
    <t>702650-99999-1993.gz</t>
  </si>
  <si>
    <t>TREASURE</t>
  </si>
  <si>
    <t>CRIPPLE CREEK</t>
  </si>
  <si>
    <t>726561-99999-2002.gz</t>
  </si>
  <si>
    <t>BARNHILL</t>
  </si>
  <si>
    <t xml:space="preserve">CHEROKEE                 </t>
  </si>
  <si>
    <t>SUGAR CAMP BRANCH</t>
  </si>
  <si>
    <t>F...FIRE</t>
  </si>
  <si>
    <t>BAT VAN FIRE</t>
  </si>
  <si>
    <t>997384-99999-2010.gz</t>
  </si>
  <si>
    <t>FY2001-BRANTLEY-063</t>
  </si>
  <si>
    <t>GHOST</t>
  </si>
  <si>
    <t>REPEAT FIRE</t>
  </si>
  <si>
    <t>SERVOSS</t>
  </si>
  <si>
    <t xml:space="preserve">CAMP SLO SLO_CO 8        </t>
  </si>
  <si>
    <t>RED CREEK REC AREA 1</t>
  </si>
  <si>
    <t>EARL</t>
  </si>
  <si>
    <t>WF-18-2 MILE FIRE</t>
  </si>
  <si>
    <t>TOLLHOUSE</t>
  </si>
  <si>
    <t>723890-93193-2000.gz</t>
  </si>
  <si>
    <t>RED BIRD M</t>
  </si>
  <si>
    <t>720958-99999-2012.gz</t>
  </si>
  <si>
    <t>60/MILL CREEK/1300</t>
  </si>
  <si>
    <t>REEVES FIRE</t>
  </si>
  <si>
    <t xml:space="preserve">LIGHTNING #61            </t>
  </si>
  <si>
    <t>UNDERBURN</t>
  </si>
  <si>
    <t>FY2001-DADE-027</t>
  </si>
  <si>
    <t>MILLS PATTEN</t>
  </si>
  <si>
    <t>MS0    1010-3610411004</t>
  </si>
  <si>
    <t>726555-94938-2012.gz</t>
  </si>
  <si>
    <t>722300-53864-2004.gz</t>
  </si>
  <si>
    <t>COLD FRONT</t>
  </si>
  <si>
    <t>STAR RANCH CO RD 173</t>
  </si>
  <si>
    <t>LANCE CANYON</t>
  </si>
  <si>
    <t>724700-93141-2008.gz</t>
  </si>
  <si>
    <t>TAYLOR</t>
  </si>
  <si>
    <t>FY2011-BLECKLEY-061</t>
  </si>
  <si>
    <t>9360 HWY 155</t>
  </si>
  <si>
    <t>SHORT HOLLOW</t>
  </si>
  <si>
    <t>WILD HOG</t>
  </si>
  <si>
    <t>TWIN HARBORS</t>
  </si>
  <si>
    <t>998204-99999-2014.gz</t>
  </si>
  <si>
    <t>COPCO</t>
  </si>
  <si>
    <t>DUMPSITE3</t>
  </si>
  <si>
    <t>BIG DRAW</t>
  </si>
  <si>
    <t>727790-24146-2004.gz</t>
  </si>
  <si>
    <t>725775-04111-2002.gz</t>
  </si>
  <si>
    <t>TRAIL CK</t>
  </si>
  <si>
    <t>746110-99999-1997.gz</t>
  </si>
  <si>
    <t>64 days 00:00:00.000000000</t>
  </si>
  <si>
    <t>724920-23237-2015.gz</t>
  </si>
  <si>
    <t>MEADER</t>
  </si>
  <si>
    <t>MLF EAST</t>
  </si>
  <si>
    <t>724756-23159-1998.gz</t>
  </si>
  <si>
    <t>LMU A3</t>
  </si>
  <si>
    <t>724880-23185-2003.gz</t>
  </si>
  <si>
    <t>JACK'S CREEK</t>
  </si>
  <si>
    <t>1624 ROAD FIRE</t>
  </si>
  <si>
    <t>BOB CAT MTN #2</t>
  </si>
  <si>
    <t>WHATEVER YOU SAY FIRE</t>
  </si>
  <si>
    <t>CRUZ FIRE</t>
  </si>
  <si>
    <t xml:space="preserve">CORP FIRE                </t>
  </si>
  <si>
    <t>SWEAT</t>
  </si>
  <si>
    <t>720999-99999-2015.gz</t>
  </si>
  <si>
    <t>RED LAKE 126</t>
  </si>
  <si>
    <t xml:space="preserve">SEVILLE # 6              </t>
  </si>
  <si>
    <t>723896-99999-1992.gz</t>
  </si>
  <si>
    <t>NEW FIELD FIRE</t>
  </si>
  <si>
    <t>725157-54757-2015.gz</t>
  </si>
  <si>
    <t>BOGUE ROAD</t>
  </si>
  <si>
    <t>22 MILE BR</t>
  </si>
  <si>
    <t xml:space="preserve">DAULTON                  </t>
  </si>
  <si>
    <t>BRUMMET</t>
  </si>
  <si>
    <t>742513-53937-2008.gz</t>
  </si>
  <si>
    <t>169 TH RD (61)</t>
  </si>
  <si>
    <t>LINDEN - 6322</t>
  </si>
  <si>
    <t>GUTHRE--HWY 174</t>
  </si>
  <si>
    <t>FY2001-BRANTLEY-006</t>
  </si>
  <si>
    <t>SE35</t>
  </si>
  <si>
    <t>RINEHEART</t>
  </si>
  <si>
    <t>720342-53947-2009.gz</t>
  </si>
  <si>
    <t>MIL8257904</t>
  </si>
  <si>
    <t>323 GRASS FIRES</t>
  </si>
  <si>
    <t>724508-03997-2014.gz</t>
  </si>
  <si>
    <t>SMITH STREET</t>
  </si>
  <si>
    <t>WOODVILLE - 110</t>
  </si>
  <si>
    <t>725109-99999-2002.gz</t>
  </si>
  <si>
    <t>ALEXANDER LAKE TOP</t>
  </si>
  <si>
    <t>725775-04111-1999.gz</t>
  </si>
  <si>
    <t>726055-99999-1995.gz</t>
  </si>
  <si>
    <t>723658-23090-2015.gz</t>
  </si>
  <si>
    <t xml:space="preserve">GARIN                    </t>
  </si>
  <si>
    <t>724935-93228-2000.gz</t>
  </si>
  <si>
    <t>724286-93824-2013.gz</t>
  </si>
  <si>
    <t>722320-13970-2013.gz</t>
  </si>
  <si>
    <t>CONCOW #2</t>
  </si>
  <si>
    <t>RAYMOND MT</t>
  </si>
  <si>
    <t>722330-53865-2009.gz</t>
  </si>
  <si>
    <t>FY2001-TWIGGS-056</t>
  </si>
  <si>
    <t>PLANTER</t>
  </si>
  <si>
    <t>GOAT FENCE</t>
  </si>
  <si>
    <t>FY2014-PIKE-015</t>
  </si>
  <si>
    <t>20492 495TH ST., IA</t>
  </si>
  <si>
    <t>722484-99999-1993.gz</t>
  </si>
  <si>
    <t>GLASS BOTTLE</t>
  </si>
  <si>
    <t>HATCHRANCH</t>
  </si>
  <si>
    <t>JORDAN RD</t>
  </si>
  <si>
    <t>727497-99999-2003.gz</t>
  </si>
  <si>
    <t>NEVADA LAKE</t>
  </si>
  <si>
    <t>N FORK WILLOW CREEK</t>
  </si>
  <si>
    <t>WHIRLWIND DRIVE</t>
  </si>
  <si>
    <t xml:space="preserve">LIGHTNING #48            </t>
  </si>
  <si>
    <t>725905-99999-2002.gz</t>
  </si>
  <si>
    <t>ABC MISCELLANEOUS</t>
  </si>
  <si>
    <t>724365-99999-1999.gz</t>
  </si>
  <si>
    <t>ROUGH CRK</t>
  </si>
  <si>
    <t>CHILCHUKABENA LAKE</t>
  </si>
  <si>
    <t>720971-00342-2014.gz</t>
  </si>
  <si>
    <t>MS0    0909-5150630001</t>
  </si>
  <si>
    <t>FY2011-HOUSTON-014</t>
  </si>
  <si>
    <t>FY2001-DADE-024</t>
  </si>
  <si>
    <t>725946-24286-2014.gz</t>
  </si>
  <si>
    <t>OLD SAWMILL FIRE</t>
  </si>
  <si>
    <t>723400-99999-2003.gz</t>
  </si>
  <si>
    <t>726679-99999-2003.gz</t>
  </si>
  <si>
    <t xml:space="preserve">PAUBA RRU2 CDF TAC 22    </t>
  </si>
  <si>
    <t>95TH STREET (42)</t>
  </si>
  <si>
    <t>722012-92817-2015.gz</t>
  </si>
  <si>
    <t>ECR-20131031-001</t>
  </si>
  <si>
    <t>720265-63833-2013.gz</t>
  </si>
  <si>
    <t>FY2002-JASPER-035</t>
  </si>
  <si>
    <t>SANTA FE DR / FRANKLIN  4</t>
  </si>
  <si>
    <t>MM9 I84</t>
  </si>
  <si>
    <t>726837-24162-2014.gz</t>
  </si>
  <si>
    <t>PYRMID LAKE</t>
  </si>
  <si>
    <t>OUT 2</t>
  </si>
  <si>
    <t>722680-23009-1992.gz</t>
  </si>
  <si>
    <t>LINDA KING</t>
  </si>
  <si>
    <t>HIDDEN HAVEN</t>
  </si>
  <si>
    <t>724756-23159-1996.gz</t>
  </si>
  <si>
    <t>722103-99999-2000.gz</t>
  </si>
  <si>
    <t>JIM'S BRANCH</t>
  </si>
  <si>
    <t>RED MUD RIDGE RD.</t>
  </si>
  <si>
    <t>GRASS FIRE/WALTER GLENN</t>
  </si>
  <si>
    <t xml:space="preserve">MITCHELL                 </t>
  </si>
  <si>
    <t>TOKSOOK BAY DUMP</t>
  </si>
  <si>
    <t>703057-26653-2014.gz</t>
  </si>
  <si>
    <t>SOCIETY</t>
  </si>
  <si>
    <t>EMIDIO 3</t>
  </si>
  <si>
    <t>723840-23155-1995.gz</t>
  </si>
  <si>
    <t xml:space="preserve">CHIARELLI                </t>
  </si>
  <si>
    <t>TWIN MILLS</t>
  </si>
  <si>
    <t>747255-99999-1995.gz</t>
  </si>
  <si>
    <t>LOE</t>
  </si>
  <si>
    <t>2015-93</t>
  </si>
  <si>
    <t>727476-94961-2002.gz</t>
  </si>
  <si>
    <t>FY2001-WHITFIELD-013</t>
  </si>
  <si>
    <t xml:space="preserve">VAQUEROS DOS             </t>
  </si>
  <si>
    <t>AUTRY GROCERY</t>
  </si>
  <si>
    <t>FY2011-PICKENS-017</t>
  </si>
  <si>
    <t>GIDEON GROVE CUTOVER</t>
  </si>
  <si>
    <t>DUDE</t>
  </si>
  <si>
    <t>TOWER ROCK</t>
  </si>
  <si>
    <t>QUARRY 2</t>
  </si>
  <si>
    <t>HOFFMAN RD FIRE</t>
  </si>
  <si>
    <t>TELEPHONE RIDGE</t>
  </si>
  <si>
    <t xml:space="preserve">OAK FLAT 2               </t>
  </si>
  <si>
    <t>FY2014-DODGE-001</t>
  </si>
  <si>
    <t>FY2012-WORTH-001</t>
  </si>
  <si>
    <t>NAVAJOSPR</t>
  </si>
  <si>
    <t xml:space="preserve">03-16-PITBULL-2011-07-0068          </t>
  </si>
  <si>
    <t>722067-63823-2010.gz</t>
  </si>
  <si>
    <t>SMOKE SCARE BELOW DAM</t>
  </si>
  <si>
    <t>CUTTING TRASH</t>
  </si>
  <si>
    <t>RESTAREA 1-95</t>
  </si>
  <si>
    <t>DOC BENNETT</t>
  </si>
  <si>
    <t>HAMMER</t>
  </si>
  <si>
    <t>720734-00264-2013.gz</t>
  </si>
  <si>
    <t>724336-99999-1992.gz</t>
  </si>
  <si>
    <t>CHIDDEN</t>
  </si>
  <si>
    <t xml:space="preserve">88 #3                    </t>
  </si>
  <si>
    <t>JENKINS PIT RD, AL</t>
  </si>
  <si>
    <t>GOLDEN</t>
  </si>
  <si>
    <t>FY2011-LONG-093</t>
  </si>
  <si>
    <t>724088-13707-2007.gz</t>
  </si>
  <si>
    <t>POST CANAL</t>
  </si>
  <si>
    <t>SYCAMORE#6</t>
  </si>
  <si>
    <t>MS0    0909-5430208011</t>
  </si>
  <si>
    <t>723723-23184-1996.gz</t>
  </si>
  <si>
    <t>FY2001-BARTOW-048</t>
  </si>
  <si>
    <t>KELTY 1</t>
  </si>
  <si>
    <t>MANGUM</t>
  </si>
  <si>
    <t>SAWMILLCOM</t>
  </si>
  <si>
    <t>ARSENAL FIRE</t>
  </si>
  <si>
    <t xml:space="preserve">BULL CANYON              </t>
  </si>
  <si>
    <t>723930-99999-2003.gz</t>
  </si>
  <si>
    <t>720607-00199-2010.gz</t>
  </si>
  <si>
    <t>722726-99999-1992.gz</t>
  </si>
  <si>
    <t>I-29</t>
  </si>
  <si>
    <t>722588-13926-2014.gz</t>
  </si>
  <si>
    <t>720392-99999-2008.gz</t>
  </si>
  <si>
    <t>724354-99999-1997.gz</t>
  </si>
  <si>
    <t>ECR-20130310-008</t>
  </si>
  <si>
    <t>722265-13821-2013.gz</t>
  </si>
  <si>
    <t>OAK KNOWL FIRE</t>
  </si>
  <si>
    <t>STURGES</t>
  </si>
  <si>
    <t>722092-53941-2013.gz</t>
  </si>
  <si>
    <t>CEMATARY RD</t>
  </si>
  <si>
    <t>OLD FLAMES</t>
  </si>
  <si>
    <t>AQUADALE CAMPFIRE</t>
  </si>
  <si>
    <t>FY2002-MITCHELL-121</t>
  </si>
  <si>
    <t>725378-04887-2007.gz</t>
  </si>
  <si>
    <t>WEBB 6/18 (08)</t>
  </si>
  <si>
    <t>722034-12812-2012.gz</t>
  </si>
  <si>
    <t>119150-05161-01182015-1146</t>
  </si>
  <si>
    <t>723046-13766-2007.gz</t>
  </si>
  <si>
    <t>BLUE KNOB ROAD</t>
  </si>
  <si>
    <t>PIPELINE FIRE</t>
  </si>
  <si>
    <t>RED HILL BRANCH</t>
  </si>
  <si>
    <t>FY2000-BRANTLEY-054</t>
  </si>
  <si>
    <t>MS0    1010-4230225003</t>
  </si>
  <si>
    <t>MILLER 5</t>
  </si>
  <si>
    <t>SIXTY</t>
  </si>
  <si>
    <t>COUTNY LINE RD</t>
  </si>
  <si>
    <t>BOULDER BASIN II</t>
  </si>
  <si>
    <t>723013-13748-1992.gz</t>
  </si>
  <si>
    <t>BIRCH CREEK</t>
  </si>
  <si>
    <t>LEWIS LAKE 2</t>
  </si>
  <si>
    <t>723495-13987-1994.gz</t>
  </si>
  <si>
    <t>OLD 1997</t>
  </si>
  <si>
    <t>GVK FIRE</t>
  </si>
  <si>
    <t>FY2015-MITCHELL-019</t>
  </si>
  <si>
    <t>SWR-20130616-001</t>
  </si>
  <si>
    <t>720366-63879-2009.gz</t>
  </si>
  <si>
    <t xml:space="preserve">FKU6435                  </t>
  </si>
  <si>
    <t xml:space="preserve">SCARBERRY #8             </t>
  </si>
  <si>
    <t>725955-24259-2002.gz</t>
  </si>
  <si>
    <t>PAUBA</t>
  </si>
  <si>
    <t>COAL CREEK</t>
  </si>
  <si>
    <t>MS0    1010-5571029001</t>
  </si>
  <si>
    <t>ALCONA 02 - WALKER</t>
  </si>
  <si>
    <t>PEACEFUL WAY</t>
  </si>
  <si>
    <t>720322-04129-2011.gz</t>
  </si>
  <si>
    <t>NORTH MAIN</t>
  </si>
  <si>
    <t xml:space="preserve">MADERA                   </t>
  </si>
  <si>
    <t>720544-00168-2013.gz</t>
  </si>
  <si>
    <t>725463-14966-2008.gz</t>
  </si>
  <si>
    <t>JOYNER ROAD FIRE</t>
  </si>
  <si>
    <t>NEW HOLLAND BAILER</t>
  </si>
  <si>
    <t>720343-54852-2013.gz</t>
  </si>
  <si>
    <t>POTLATCH</t>
  </si>
  <si>
    <t>726988-24219-1994.gz</t>
  </si>
  <si>
    <t>BROKEN BUMPER</t>
  </si>
  <si>
    <t xml:space="preserve">MIDDLE                   </t>
  </si>
  <si>
    <t>STANTON COUNTY</t>
  </si>
  <si>
    <t>720362-63874-2007.gz</t>
  </si>
  <si>
    <t>GOBBLER</t>
  </si>
  <si>
    <t xml:space="preserve">LOCAL13865               </t>
  </si>
  <si>
    <t>RANCH ROAD 1754</t>
  </si>
  <si>
    <t>SWR-20130123-001</t>
  </si>
  <si>
    <t>10904 CALDWELL</t>
  </si>
  <si>
    <t>743700-99999-1995.gz</t>
  </si>
  <si>
    <t>LINDEN - 27</t>
  </si>
  <si>
    <t xml:space="preserve">MISSOURI                 </t>
  </si>
  <si>
    <t>WILLIAMS RANCH (54)</t>
  </si>
  <si>
    <t>720278-03704-2009.gz</t>
  </si>
  <si>
    <t>WNA 21</t>
  </si>
  <si>
    <t>THREE RUN ROAD #1</t>
  </si>
  <si>
    <t>MS0    1111-5150406001</t>
  </si>
  <si>
    <t>OLD CORRAL BRUSH PILE</t>
  </si>
  <si>
    <t>720491-99999-2012.gz</t>
  </si>
  <si>
    <t>SUGAR BUSH (53)</t>
  </si>
  <si>
    <t>725170-14737-2008.gz</t>
  </si>
  <si>
    <t>STUDENT</t>
  </si>
  <si>
    <t>747930-99999-2009.gz</t>
  </si>
  <si>
    <t>ANNIE MOSES # 2</t>
  </si>
  <si>
    <t>FY2011-MCINTOSH-076</t>
  </si>
  <si>
    <t>A1302025</t>
  </si>
  <si>
    <t>GAS WELL</t>
  </si>
  <si>
    <t>CR 2385</t>
  </si>
  <si>
    <t>PELICAN POINT</t>
  </si>
  <si>
    <t xml:space="preserve">HY 74  W/ MOUNTAIN AV 6  </t>
  </si>
  <si>
    <t xml:space="preserve">MILLWOOD                 </t>
  </si>
  <si>
    <t>HOPEWELL CHURCH</t>
  </si>
  <si>
    <t>722693-99999-1994.gz</t>
  </si>
  <si>
    <t>TWENTY</t>
  </si>
  <si>
    <t>HWY 188, AL</t>
  </si>
  <si>
    <t>KOSA TRACK FIRE</t>
  </si>
  <si>
    <t xml:space="preserve">CABEU003044              </t>
  </si>
  <si>
    <t>JUNCTION OK</t>
  </si>
  <si>
    <t>FY2001-MONROE-034</t>
  </si>
  <si>
    <t>723620-93040-2012.gz</t>
  </si>
  <si>
    <t>WATERFORK</t>
  </si>
  <si>
    <t>JENSON</t>
  </si>
  <si>
    <t>REDLANDS-</t>
  </si>
  <si>
    <t>GOPHER</t>
  </si>
  <si>
    <t>727770-94012-2013.gz</t>
  </si>
  <si>
    <t>FY2012-HOUSTON-037</t>
  </si>
  <si>
    <t>2013-142</t>
  </si>
  <si>
    <t>FY2011-WHEELER-093</t>
  </si>
  <si>
    <t>07272011-GARY HALEPESKA</t>
  </si>
  <si>
    <t>HILLY POND</t>
  </si>
  <si>
    <t>722131-03713-2010.gz</t>
  </si>
  <si>
    <t>MCQUEEN RD.</t>
  </si>
  <si>
    <t>BOSQUECITO</t>
  </si>
  <si>
    <t>FY2001-OGLETHORPE-013</t>
  </si>
  <si>
    <t>RAVENGLEN</t>
  </si>
  <si>
    <t>MS0    1010-4200307008</t>
  </si>
  <si>
    <t>SOUL CITY</t>
  </si>
  <si>
    <t xml:space="preserve">FKU7533                  </t>
  </si>
  <si>
    <t xml:space="preserve">LILAC                    </t>
  </si>
  <si>
    <t xml:space="preserve">COLEMAN                  </t>
  </si>
  <si>
    <t>CHESTER RD, AL</t>
  </si>
  <si>
    <t>BETHLEHEM ROAD</t>
  </si>
  <si>
    <t>ELI 1ST</t>
  </si>
  <si>
    <t>898 FIRE</t>
  </si>
  <si>
    <t>RL63</t>
  </si>
  <si>
    <t>725724-99999-1998.gz</t>
  </si>
  <si>
    <t>BULL SPEINGS</t>
  </si>
  <si>
    <t>MCKITTRICK 3</t>
  </si>
  <si>
    <t>FM 428</t>
  </si>
  <si>
    <t>724350-03816-1997.gz</t>
  </si>
  <si>
    <t>PARSON POINT 6 30 12</t>
  </si>
  <si>
    <t>DOYLEFIELD</t>
  </si>
  <si>
    <t>COATS 2</t>
  </si>
  <si>
    <t xml:space="preserve">KENETECH 7               </t>
  </si>
  <si>
    <t>724927-99999-1995.gz</t>
  </si>
  <si>
    <t>FY2000-LUMPKIN-092</t>
  </si>
  <si>
    <t>RL60</t>
  </si>
  <si>
    <t>GATORLO</t>
  </si>
  <si>
    <t>WYE</t>
  </si>
  <si>
    <t>726514-99999-1998.gz</t>
  </si>
  <si>
    <t>SER-20151023-001</t>
  </si>
  <si>
    <t>ECR-20141008-001</t>
  </si>
  <si>
    <t>722250-13829-2014.gz</t>
  </si>
  <si>
    <t>MITCHELL RANCH</t>
  </si>
  <si>
    <t>TRACTOR</t>
  </si>
  <si>
    <t>MS0    0808-3510501001</t>
  </si>
  <si>
    <t>722726-99999-1999.gz</t>
  </si>
  <si>
    <t>ST HWY 140, AL</t>
  </si>
  <si>
    <t>BAGLEY</t>
  </si>
  <si>
    <t>EDGE</t>
  </si>
  <si>
    <t>SHAEFERS</t>
  </si>
  <si>
    <t xml:space="preserve">BODEGA                   </t>
  </si>
  <si>
    <t>SEVENMILE CREEK FIRE</t>
  </si>
  <si>
    <t>LONG 2</t>
  </si>
  <si>
    <t>727497-99999-2004.gz</t>
  </si>
  <si>
    <t>NER-20150722-002</t>
  </si>
  <si>
    <t>TISH TANG #6</t>
  </si>
  <si>
    <t>ONEALS</t>
  </si>
  <si>
    <t>778 LOWER ELGIN RD</t>
  </si>
  <si>
    <t>COPELAND</t>
  </si>
  <si>
    <t>CR 586</t>
  </si>
  <si>
    <t>TXDOT US181/PR2985</t>
  </si>
  <si>
    <t>RED DRESS</t>
  </si>
  <si>
    <t>TERRA BUENA</t>
  </si>
  <si>
    <t>722429-53910-2014.gz</t>
  </si>
  <si>
    <t>CHESTNUT</t>
  </si>
  <si>
    <t>724077-99999-2005.gz</t>
  </si>
  <si>
    <t>724937-23289-2014.gz</t>
  </si>
  <si>
    <t>5982 ABNER RD</t>
  </si>
  <si>
    <t>FYU N 53</t>
  </si>
  <si>
    <t>125111-03408-03312015-1359</t>
  </si>
  <si>
    <t xml:space="preserve">I 94 </t>
  </si>
  <si>
    <t>LAKOTA</t>
  </si>
  <si>
    <t>WILSON INCIDENT</t>
  </si>
  <si>
    <t>RETURN OF BULL RUN</t>
  </si>
  <si>
    <t>FY2002-IRWIN-025</t>
  </si>
  <si>
    <t>LITTLE LEFT HAND</t>
  </si>
  <si>
    <t>PADDYS VALLEY</t>
  </si>
  <si>
    <t>FT65</t>
  </si>
  <si>
    <t>726518-99999-2004.gz</t>
  </si>
  <si>
    <t>GRANT HS DIST</t>
  </si>
  <si>
    <t>725347-14880-2014.gz</t>
  </si>
  <si>
    <t>MS0    0909-4660310009</t>
  </si>
  <si>
    <t>WABUSKA</t>
  </si>
  <si>
    <t>724885-93102-2007.gz</t>
  </si>
  <si>
    <t>RADIO TOWER #2</t>
  </si>
  <si>
    <t>4WHEELER</t>
  </si>
  <si>
    <t>REITZ FIRE</t>
  </si>
  <si>
    <t>720378-00122-2013.gz</t>
  </si>
  <si>
    <t>SLOSSER</t>
  </si>
  <si>
    <t>LITTLE LAKE GENEVA (10)</t>
  </si>
  <si>
    <t>POTAMUS</t>
  </si>
  <si>
    <t>BUBBSY</t>
  </si>
  <si>
    <t>COMMIE BROWN</t>
  </si>
  <si>
    <t>MOHAWK</t>
  </si>
  <si>
    <t>744652-53897-2006.gz</t>
  </si>
  <si>
    <t>BARTON CREEK</t>
  </si>
  <si>
    <t>727815-24237-2014.gz</t>
  </si>
  <si>
    <t xml:space="preserve">BEST                     </t>
  </si>
  <si>
    <t>CORNISH MERC.</t>
  </si>
  <si>
    <t>POGO</t>
  </si>
  <si>
    <t>723635-03024-2007.gz</t>
  </si>
  <si>
    <t>FY2001-COFFEE-012</t>
  </si>
  <si>
    <t>FOY FIRE</t>
  </si>
  <si>
    <t>RL 195</t>
  </si>
  <si>
    <t>CARDBOARD</t>
  </si>
  <si>
    <t>722099-53936-2008.gz</t>
  </si>
  <si>
    <t>38 days 00:00:00.000000000</t>
  </si>
  <si>
    <t>LNU RUMSEY</t>
  </si>
  <si>
    <t>724828-99999-2005.gz</t>
  </si>
  <si>
    <t>BLUE HILL</t>
  </si>
  <si>
    <t>726077-99999-1993.gz</t>
  </si>
  <si>
    <t>PEDRO RIDGE</t>
  </si>
  <si>
    <t>ALICE2</t>
  </si>
  <si>
    <t>727530-14914-2001.gz</t>
  </si>
  <si>
    <t>FY2002-HARRIS-022</t>
  </si>
  <si>
    <t>FY2003-EFFINGHAM-011</t>
  </si>
  <si>
    <t>GAME &amp; FISH</t>
  </si>
  <si>
    <t>A07141-00327-2015.gz</t>
  </si>
  <si>
    <t>LITTLE BLACK</t>
  </si>
  <si>
    <t>726417-54911-2015.gz</t>
  </si>
  <si>
    <t>BRUCEVILLE SLAB</t>
  </si>
  <si>
    <t xml:space="preserve">CAZADOR                  </t>
  </si>
  <si>
    <t>722926-03154-1997.gz</t>
  </si>
  <si>
    <t>VANN RD</t>
  </si>
  <si>
    <t>722073-03727-2012.gz</t>
  </si>
  <si>
    <t>FY2013-HARALSON-062</t>
  </si>
  <si>
    <t>MARINE ROAD</t>
  </si>
  <si>
    <t xml:space="preserve">HARSHAW </t>
  </si>
  <si>
    <t>722728-03196-2011.gz</t>
  </si>
  <si>
    <t>CROOKED TREE</t>
  </si>
  <si>
    <t>SPRUCE</t>
  </si>
  <si>
    <t>723723-23184-2002.gz</t>
  </si>
  <si>
    <t>2148 S</t>
  </si>
  <si>
    <t>NORTH COPPEI</t>
  </si>
  <si>
    <t>726885-24152-2001.gz</t>
  </si>
  <si>
    <t xml:space="preserve">FIR                      </t>
  </si>
  <si>
    <t>71-2012</t>
  </si>
  <si>
    <t>79 NORTH...SOUTH OF ARCHER</t>
  </si>
  <si>
    <t>720404-00134-2015.gz</t>
  </si>
  <si>
    <t>SPARROW</t>
  </si>
  <si>
    <t>722748-99999-2000.gz</t>
  </si>
  <si>
    <t>722253-53992-2009.gz</t>
  </si>
  <si>
    <t>JAX FIRE</t>
  </si>
  <si>
    <t>1565 W. LIVE OAK</t>
  </si>
  <si>
    <t>720323-93947-2011.gz</t>
  </si>
  <si>
    <t>BRADLEY FALLS FIRE</t>
  </si>
  <si>
    <t>SHIPLER WFU</t>
  </si>
  <si>
    <t>MS0    0909-6260223002</t>
  </si>
  <si>
    <t>KITALITNA</t>
  </si>
  <si>
    <t>SWIM HOLE</t>
  </si>
  <si>
    <t>FY2000-APPLING-047</t>
  </si>
  <si>
    <t>LINDEN - 6230</t>
  </si>
  <si>
    <t>FY2011-LINCOLN-019</t>
  </si>
  <si>
    <t>NEWARK ROAD</t>
  </si>
  <si>
    <t>742079-63876-2015.gz</t>
  </si>
  <si>
    <t>TWO TRY</t>
  </si>
  <si>
    <t>725118-14751-2010.gz</t>
  </si>
  <si>
    <t>BUFFALO 2</t>
  </si>
  <si>
    <t>HOLDEN 1</t>
  </si>
  <si>
    <t>IR#14-892</t>
  </si>
  <si>
    <t>911780-99999-2001.gz</t>
  </si>
  <si>
    <t xml:space="preserve">GLEN                     </t>
  </si>
  <si>
    <t>202 AVE</t>
  </si>
  <si>
    <t>724237-53803-2007.gz</t>
  </si>
  <si>
    <t>722341-92822-2007.gz</t>
  </si>
  <si>
    <t>SAMANTHA</t>
  </si>
  <si>
    <t>FY2000-TURNER-029</t>
  </si>
  <si>
    <t xml:space="preserve">PG&amp;E #15                 </t>
  </si>
  <si>
    <t>WANKSTER</t>
  </si>
  <si>
    <t>PASTURE FIRE (10)</t>
  </si>
  <si>
    <t>WILDCAT MT</t>
  </si>
  <si>
    <t>TREE FARM</t>
  </si>
  <si>
    <t>NAZARUK</t>
  </si>
  <si>
    <t>QUEENS BRANCH</t>
  </si>
  <si>
    <t>725087-99999-2000.gz</t>
  </si>
  <si>
    <t>LOCKWOOD 2</t>
  </si>
  <si>
    <t>723084-93775-2010.gz</t>
  </si>
  <si>
    <t>725150-04725-1995.gz</t>
  </si>
  <si>
    <t xml:space="preserve">RICE                     </t>
  </si>
  <si>
    <t>UNNAMED FIRE 0870</t>
  </si>
  <si>
    <t>SER-20120411-002</t>
  </si>
  <si>
    <t>722268-13839-2012.gz</t>
  </si>
  <si>
    <t xml:space="preserve">COUGAR                   </t>
  </si>
  <si>
    <t>MS0    0909-3640320004</t>
  </si>
  <si>
    <t>207 #1</t>
  </si>
  <si>
    <t>BRIDGE RUN</t>
  </si>
  <si>
    <t>724175-99999-1996.gz</t>
  </si>
  <si>
    <t>IRON OAK FIRE</t>
  </si>
  <si>
    <t>SISK FIRE</t>
  </si>
  <si>
    <t>727675-94011-2012.gz</t>
  </si>
  <si>
    <t>BLANCO</t>
  </si>
  <si>
    <t>REDGRASS</t>
  </si>
  <si>
    <t>SAWMILL FIRE</t>
  </si>
  <si>
    <t>NOR-20140130-004</t>
  </si>
  <si>
    <t>720376-63880-2013.gz</t>
  </si>
  <si>
    <t xml:space="preserve">KING                     </t>
  </si>
  <si>
    <t>CEDAR FIRE</t>
  </si>
  <si>
    <t>COLCORD</t>
  </si>
  <si>
    <t xml:space="preserve">POLELINE                 </t>
  </si>
  <si>
    <t>725283-99999-1997.gz</t>
  </si>
  <si>
    <t>722286-93806-1995.gz</t>
  </si>
  <si>
    <t>84 COMMAND</t>
  </si>
  <si>
    <t xml:space="preserve">COALINGA                 </t>
  </si>
  <si>
    <t>TMBR LAKE2</t>
  </si>
  <si>
    <t>CAR17245821</t>
  </si>
  <si>
    <t>703210-99999-1992.gz</t>
  </si>
  <si>
    <t>TWIN FIRE</t>
  </si>
  <si>
    <t>NWR-20140118-003</t>
  </si>
  <si>
    <t>POLLALIE</t>
  </si>
  <si>
    <t>727815-24237-2006.gz</t>
  </si>
  <si>
    <t>POLEY CREEK</t>
  </si>
  <si>
    <t>ADAYA UWASV</t>
  </si>
  <si>
    <t>SANDPOINT</t>
  </si>
  <si>
    <t>720345-94086-2015.gz</t>
  </si>
  <si>
    <t>725461-94988-2011.gz</t>
  </si>
  <si>
    <t>4511 S. ALAMO</t>
  </si>
  <si>
    <t>ENDLESS BLACK</t>
  </si>
  <si>
    <t>725636-24017-1998.gz</t>
  </si>
  <si>
    <t xml:space="preserve">CAPELL                   </t>
  </si>
  <si>
    <t>724828-93241-2008.gz</t>
  </si>
  <si>
    <t>BEELINE</t>
  </si>
  <si>
    <t>722783-99999-2001.gz</t>
  </si>
  <si>
    <t>723630-23047-2008.gz</t>
  </si>
  <si>
    <t>MS0    1010-1700923003</t>
  </si>
  <si>
    <t>722024-99999-1992.gz</t>
  </si>
  <si>
    <t>726557-14910-1995.gz</t>
  </si>
  <si>
    <t>COMPLEX II</t>
  </si>
  <si>
    <t>EAGLE LANE</t>
  </si>
  <si>
    <t xml:space="preserve">26/VENUS FIRE </t>
  </si>
  <si>
    <t>72 STREET</t>
  </si>
  <si>
    <t>NOBLE CO. ASSIST</t>
  </si>
  <si>
    <t>JORDAN GF</t>
  </si>
  <si>
    <t>A00008-12978-2011.gz</t>
  </si>
  <si>
    <t>GOVER</t>
  </si>
  <si>
    <t>I-270</t>
  </si>
  <si>
    <t>724055-99999-2005.gz</t>
  </si>
  <si>
    <t>GAME FIRE</t>
  </si>
  <si>
    <t>TACO (09)</t>
  </si>
  <si>
    <t>702730-26451-2009.gz</t>
  </si>
  <si>
    <t>722820-03949-2015.gz</t>
  </si>
  <si>
    <t>K FACTOR</t>
  </si>
  <si>
    <t>ROWLAND</t>
  </si>
  <si>
    <t>724105-93760-2014.gz</t>
  </si>
  <si>
    <t>942 CR. 337</t>
  </si>
  <si>
    <t>COSTLOW MILL</t>
  </si>
  <si>
    <t>MCLELLAN RD. 14</t>
  </si>
  <si>
    <t>YOUNGS FORK #1</t>
  </si>
  <si>
    <t>HOLLOW</t>
  </si>
  <si>
    <t>OAK LEAF</t>
  </si>
  <si>
    <t>FARM TRACTOR FIRE</t>
  </si>
  <si>
    <t xml:space="preserve">CUNEO                    </t>
  </si>
  <si>
    <t>724810-23203-1994.gz</t>
  </si>
  <si>
    <t>STONE ROAD #1</t>
  </si>
  <si>
    <t>RAINEY CREEK</t>
  </si>
  <si>
    <t xml:space="preserve">SAN JUAN RD.             </t>
  </si>
  <si>
    <t>724917-23233-1993.gz</t>
  </si>
  <si>
    <t>727508-54915-2010.gz</t>
  </si>
  <si>
    <t>FOUND OUT #1</t>
  </si>
  <si>
    <t>PRICE LANDING ROAD</t>
  </si>
  <si>
    <t xml:space="preserve">DILLION                  </t>
  </si>
  <si>
    <t>SWR-20150316-001</t>
  </si>
  <si>
    <t>130434-10100-11142015-1417</t>
  </si>
  <si>
    <t>137 AND BRIDGES</t>
  </si>
  <si>
    <t>720663-99999-2010.gz</t>
  </si>
  <si>
    <t>THE CORBETT 3 FIRE</t>
  </si>
  <si>
    <t>MANSION</t>
  </si>
  <si>
    <t>OCALA DOWNS(42)</t>
  </si>
  <si>
    <t>722055-12861-2013.gz</t>
  </si>
  <si>
    <t>COYOTE SP</t>
  </si>
  <si>
    <t>725464-04977-2015.gz</t>
  </si>
  <si>
    <t>SAW MILL ROAD</t>
  </si>
  <si>
    <t>722201-03723-2015.gz</t>
  </si>
  <si>
    <t>CALABASAS</t>
  </si>
  <si>
    <t>SUNFLOWER</t>
  </si>
  <si>
    <t>NDF 2</t>
  </si>
  <si>
    <t>MS0    1010-3620126001</t>
  </si>
  <si>
    <t xml:space="preserve">HUTTON                   </t>
  </si>
  <si>
    <t>BIG TROYS</t>
  </si>
  <si>
    <t>722537-99999-2005.gz</t>
  </si>
  <si>
    <t>CEM SE 43</t>
  </si>
  <si>
    <t>PEPPIN</t>
  </si>
  <si>
    <t>LINDEN - 6017</t>
  </si>
  <si>
    <t>LINDEN - 594</t>
  </si>
  <si>
    <t>THRILL HILL</t>
  </si>
  <si>
    <t>VOLCO RD (64)</t>
  </si>
  <si>
    <t>BROWNS HOLLOW</t>
  </si>
  <si>
    <t>723300-03975-2011.gz</t>
  </si>
  <si>
    <t>722141-03731-2008.gz</t>
  </si>
  <si>
    <t>SECOND TIME AROUND FIRE</t>
  </si>
  <si>
    <t>BILLY SHAW</t>
  </si>
  <si>
    <t>118 GF</t>
  </si>
  <si>
    <t>2014-615</t>
  </si>
  <si>
    <t>725305-94892-2014.gz</t>
  </si>
  <si>
    <t>BELLAMY</t>
  </si>
  <si>
    <t>720613-00204-2015.gz</t>
  </si>
  <si>
    <t>FRANK L.</t>
  </si>
  <si>
    <t>727453-94967-2009.gz</t>
  </si>
  <si>
    <t>725527-94978-2007.gz</t>
  </si>
  <si>
    <t>SWR-20121126-004</t>
  </si>
  <si>
    <t>RL 149</t>
  </si>
  <si>
    <t>LANDUSKY</t>
  </si>
  <si>
    <t>WHI13476089</t>
  </si>
  <si>
    <t>TOM M. RD FIRE</t>
  </si>
  <si>
    <t xml:space="preserve">CAMERON                  </t>
  </si>
  <si>
    <t>BERNAL</t>
  </si>
  <si>
    <t>726487-99999-1995.gz</t>
  </si>
  <si>
    <t>CROWNING</t>
  </si>
  <si>
    <t>724565-13920-2012.gz</t>
  </si>
  <si>
    <t>BOHAY</t>
  </si>
  <si>
    <t>723510-13966-2010.gz</t>
  </si>
  <si>
    <t xml:space="preserve">LOW GAP                  </t>
  </si>
  <si>
    <t>LIVINGSTON - 139</t>
  </si>
  <si>
    <t>ROAD 54-3  (12)</t>
  </si>
  <si>
    <t>720392-00128-2012.gz</t>
  </si>
  <si>
    <t>HWY 83 GRASS FIRE</t>
  </si>
  <si>
    <t>722637-93046-2010.gz</t>
  </si>
  <si>
    <t xml:space="preserve">LEESVILLE                </t>
  </si>
  <si>
    <t>PROVIDENCE FIRE</t>
  </si>
  <si>
    <t>FY2003-WILCOX-017</t>
  </si>
  <si>
    <t xml:space="preserve">ETCHEVERRY               </t>
  </si>
  <si>
    <t>NORWEGIAN RD</t>
  </si>
  <si>
    <t>726467-54909-2009.gz</t>
  </si>
  <si>
    <t>LAKE IAMONIA (37)</t>
  </si>
  <si>
    <t>722140-93805-2012.gz</t>
  </si>
  <si>
    <t>HOPE ROAD</t>
  </si>
  <si>
    <t>THREE STOOGIES</t>
  </si>
  <si>
    <t>LITTLE E</t>
  </si>
  <si>
    <t>725555-94946-2010.gz</t>
  </si>
  <si>
    <t>3050 BRUSH</t>
  </si>
  <si>
    <t>STRAY</t>
  </si>
  <si>
    <t>REEVES CANYON RD  REDWO 3</t>
  </si>
  <si>
    <t>LINDEN - 393</t>
  </si>
  <si>
    <t>FERN FALLS</t>
  </si>
  <si>
    <t>727833-99999-1997.gz</t>
  </si>
  <si>
    <t>FY2001-JASPER-013</t>
  </si>
  <si>
    <t>722268-13839-2006.gz</t>
  </si>
  <si>
    <t>RT. 2</t>
  </si>
  <si>
    <t>724014-99999-2000.gz</t>
  </si>
  <si>
    <t>PRATER</t>
  </si>
  <si>
    <t>HWY 9 D FIRE</t>
  </si>
  <si>
    <t>723550-13945-2015.gz</t>
  </si>
  <si>
    <t>745160-23202-2006.gz</t>
  </si>
  <si>
    <t xml:space="preserve">FKU 9875                 </t>
  </si>
  <si>
    <t>724045-93720-2007.gz</t>
  </si>
  <si>
    <t>994230-99999-2004.gz</t>
  </si>
  <si>
    <t>MS0    0808-3380325003</t>
  </si>
  <si>
    <t>NORTH UTE FIRE</t>
  </si>
  <si>
    <t>ECKLUND</t>
  </si>
  <si>
    <t xml:space="preserve">HI LOW (47) </t>
  </si>
  <si>
    <t>BEUS</t>
  </si>
  <si>
    <t>LOWER HILL RD.</t>
  </si>
  <si>
    <t>MS0    0909-5150321005</t>
  </si>
  <si>
    <t>722822-63903-2010.gz</t>
  </si>
  <si>
    <t>GOLGOTHA</t>
  </si>
  <si>
    <t>727444-99999-1998.gz</t>
  </si>
  <si>
    <t>FLATTAIL CREEK</t>
  </si>
  <si>
    <t>724107-53895-2011.gz</t>
  </si>
  <si>
    <t>TLATL HILL</t>
  </si>
  <si>
    <t>OAKPOINT FIRE STARTER</t>
  </si>
  <si>
    <t>722542-03999-2008.gz</t>
  </si>
  <si>
    <t>724880-23185-1992.gz</t>
  </si>
  <si>
    <t>MS0    1010-5150331002</t>
  </si>
  <si>
    <t>WICKED</t>
  </si>
  <si>
    <t>MS0    0909-5740625005</t>
  </si>
  <si>
    <t>CM</t>
  </si>
  <si>
    <t>723663-03012-2012.gz</t>
  </si>
  <si>
    <t>FM 735 FIRE</t>
  </si>
  <si>
    <t>I5  N/ HWY 140 OFF RAM 42</t>
  </si>
  <si>
    <t>GRAND CREE</t>
  </si>
  <si>
    <t>HILL TOP</t>
  </si>
  <si>
    <t>722554-12978-2009.gz</t>
  </si>
  <si>
    <t>ULUKSIAN CREEK</t>
  </si>
  <si>
    <t>MEADOW VIEW</t>
  </si>
  <si>
    <t>747688-53858-2011.gz</t>
  </si>
  <si>
    <t>587 ETHETE</t>
  </si>
  <si>
    <t>3 TON</t>
  </si>
  <si>
    <t>CAMERON</t>
  </si>
  <si>
    <t>722953-03183-2009.gz</t>
  </si>
  <si>
    <t>722690-99999-1992.gz</t>
  </si>
  <si>
    <t>HAYS BRANCH</t>
  </si>
  <si>
    <t>COLLEY FIRE</t>
  </si>
  <si>
    <t>FY2012-DODGE-026</t>
  </si>
  <si>
    <t>VISTA P0INT</t>
  </si>
  <si>
    <t>723654-99999-1996.gz</t>
  </si>
  <si>
    <t>FY2015-BRANTLEY-018</t>
  </si>
  <si>
    <t>BULL PASS</t>
  </si>
  <si>
    <t>WINDY CREEK</t>
  </si>
  <si>
    <t>702647-26499-2010.gz</t>
  </si>
  <si>
    <t>BYAS SPRINGS</t>
  </si>
  <si>
    <t>EMMERT FIRE</t>
  </si>
  <si>
    <t>ROYAL</t>
  </si>
  <si>
    <t>726824-04112-2015.gz</t>
  </si>
  <si>
    <t>720281-53969-2008.gz</t>
  </si>
  <si>
    <t>SE 71 TRAIL (63)</t>
  </si>
  <si>
    <t>030 LONGEST YARD</t>
  </si>
  <si>
    <t>722487-13935-2011.gz</t>
  </si>
  <si>
    <t>POEPLES RD</t>
  </si>
  <si>
    <t>KOWENIA - 2</t>
  </si>
  <si>
    <t>STATE 50</t>
  </si>
  <si>
    <t>720172-53996-2012.gz</t>
  </si>
  <si>
    <t>720426-00141-2014.gz</t>
  </si>
  <si>
    <t>BLACK SINK PRARIE</t>
  </si>
  <si>
    <t>727555-99999-1996.gz</t>
  </si>
  <si>
    <t>CURTIS</t>
  </si>
  <si>
    <t>HECTOR2</t>
  </si>
  <si>
    <t>BEAR CREEK #1</t>
  </si>
  <si>
    <t>702647-26499-2012.gz</t>
  </si>
  <si>
    <t>VAN4628871</t>
  </si>
  <si>
    <t>723260-13891-1998.gz</t>
  </si>
  <si>
    <t>INTERUPTION</t>
  </si>
  <si>
    <t xml:space="preserve">SUNSET                   </t>
  </si>
  <si>
    <t>HWY 275 (07)</t>
  </si>
  <si>
    <t>FURY</t>
  </si>
  <si>
    <t>722903-99999-2004.gz</t>
  </si>
  <si>
    <t>LONG PRAIRIE</t>
  </si>
  <si>
    <t xml:space="preserve">"BEAN, R"                </t>
  </si>
  <si>
    <t xml:space="preserve">BURSON                   </t>
  </si>
  <si>
    <t>724920-23237-2008.gz</t>
  </si>
  <si>
    <t>BEALE AFB GRASS VALLEY GA</t>
  </si>
  <si>
    <t>GUNSMOKE</t>
  </si>
  <si>
    <t>723147-99999-2003.gz</t>
  </si>
  <si>
    <t>56 @ 1396</t>
  </si>
  <si>
    <t>SANDERS</t>
  </si>
  <si>
    <t>8000 FM 2259  WILDFIRE</t>
  </si>
  <si>
    <t>FY2002-LUMPKIN-005</t>
  </si>
  <si>
    <t>UNNAMED FIRE 0369</t>
  </si>
  <si>
    <t>SWR-20120319-001</t>
  </si>
  <si>
    <t>TXDOT TX119</t>
  </si>
  <si>
    <t>CLAY BASIN</t>
  </si>
  <si>
    <t>SHINGLES - 130 BYPASS</t>
  </si>
  <si>
    <t>720608-00200-2012.gz</t>
  </si>
  <si>
    <t>FY2001-BROOKS-099</t>
  </si>
  <si>
    <t>BIG TIME</t>
  </si>
  <si>
    <t>723087-93735-2009.gz</t>
  </si>
  <si>
    <t>WHEAT &amp; SPARTA</t>
  </si>
  <si>
    <t>HUTCHISON RD</t>
  </si>
  <si>
    <t>R2012-11-48</t>
  </si>
  <si>
    <t>724017-99999-1996.gz</t>
  </si>
  <si>
    <t>OLD DOG</t>
  </si>
  <si>
    <t>722213-99999-1997.gz</t>
  </si>
  <si>
    <t>LOST PINE</t>
  </si>
  <si>
    <t>726777-94055-2007.gz</t>
  </si>
  <si>
    <t>10-286</t>
  </si>
  <si>
    <t>PEDRO UTTER</t>
  </si>
  <si>
    <t>725650-03017-2010.gz</t>
  </si>
  <si>
    <t>CJ ROBERTS RD (7)</t>
  </si>
  <si>
    <t>FOOTHILLS</t>
  </si>
  <si>
    <t xml:space="preserve">LOMO                     </t>
  </si>
  <si>
    <t>FY2013-JEFFERSON-012</t>
  </si>
  <si>
    <t>723273-99999-1993.gz</t>
  </si>
  <si>
    <t xml:space="preserve">FKU001978                </t>
  </si>
  <si>
    <t>723898-99999-1999.gz</t>
  </si>
  <si>
    <t>725290-14768-1993.gz</t>
  </si>
  <si>
    <t>TEDDOR ROAD FIRE</t>
  </si>
  <si>
    <t>723066-99999-2001.gz</t>
  </si>
  <si>
    <t>NWR-20150214-009</t>
  </si>
  <si>
    <t>TANDEM LOT 2015 FIRE</t>
  </si>
  <si>
    <t>HWY13 MM25</t>
  </si>
  <si>
    <t>RIFLE RANGE</t>
  </si>
  <si>
    <t>SLOVER</t>
  </si>
  <si>
    <t>GRIMM CK</t>
  </si>
  <si>
    <t>701780-26529-1999.gz</t>
  </si>
  <si>
    <t>HUGHES CRE</t>
  </si>
  <si>
    <t>701730-99999-1998.gz</t>
  </si>
  <si>
    <t>722357-03961-2012.gz</t>
  </si>
  <si>
    <t>LITTLE EAST</t>
  </si>
  <si>
    <t xml:space="preserve">"RODRIQUEZ, E"           </t>
  </si>
  <si>
    <t>725457-04904-2009.gz</t>
  </si>
  <si>
    <t>726487-99999-2000.gz</t>
  </si>
  <si>
    <t>NER-20121205-003</t>
  </si>
  <si>
    <t>FLETCHER ROAD</t>
  </si>
  <si>
    <t>DITCH CREEK</t>
  </si>
  <si>
    <t>725788-94182-2009.gz</t>
  </si>
  <si>
    <t>LPGA STADIUM</t>
  </si>
  <si>
    <t>MS0    0909-4550222002</t>
  </si>
  <si>
    <t>FY2015-TELFAIR-022</t>
  </si>
  <si>
    <t>LIGHTNING STRIKE</t>
  </si>
  <si>
    <t>CAMP ROY</t>
  </si>
  <si>
    <t>FY2011-PUTNAM-016</t>
  </si>
  <si>
    <t>VINCENT ROAD</t>
  </si>
  <si>
    <t>FY2014-BURKE-063</t>
  </si>
  <si>
    <t>TULLOCK</t>
  </si>
  <si>
    <t>FY2011-BROOKS-034</t>
  </si>
  <si>
    <t>SHACKTOWN FIRE</t>
  </si>
  <si>
    <t>FY2002-TALBOT-028</t>
  </si>
  <si>
    <t xml:space="preserve">MT. HAMILTON #2          </t>
  </si>
  <si>
    <t>724946-99999-1994.gz</t>
  </si>
  <si>
    <t>722354-99999-2001.gz</t>
  </si>
  <si>
    <t>726166-99999-2003.gz</t>
  </si>
  <si>
    <t>720392-00128-2010.gz</t>
  </si>
  <si>
    <t>BLUE HOLE</t>
  </si>
  <si>
    <t>IDE VALLEY EAST</t>
  </si>
  <si>
    <t>STATE 282</t>
  </si>
  <si>
    <t>MCFARLAND RD TRASH BURN</t>
  </si>
  <si>
    <t>FY2003-WALTON-006</t>
  </si>
  <si>
    <t>FY2012-GRADY-025</t>
  </si>
  <si>
    <t>720738-00267-2012.gz</t>
  </si>
  <si>
    <t>H AVE AND E 49, IA</t>
  </si>
  <si>
    <t>725440-14923-2011.gz</t>
  </si>
  <si>
    <t>TOKI</t>
  </si>
  <si>
    <t>ANDERSON</t>
  </si>
  <si>
    <t>726561-94997-2007.gz</t>
  </si>
  <si>
    <t xml:space="preserve">GONZALES                 </t>
  </si>
  <si>
    <t>FY2012-BARTOW-052</t>
  </si>
  <si>
    <t>722156-53873-2012.gz</t>
  </si>
  <si>
    <t>FARLEY</t>
  </si>
  <si>
    <t>FY2013-SUMTER-025</t>
  </si>
  <si>
    <t>SKAR</t>
  </si>
  <si>
    <t>ROGUE RIVER DR</t>
  </si>
  <si>
    <t>FIRE WORKS</t>
  </si>
  <si>
    <t>MEADOW VAL</t>
  </si>
  <si>
    <t>ROAD GRASS FIRE</t>
  </si>
  <si>
    <t>720295-53972-2015.gz</t>
  </si>
  <si>
    <t>YOUNGBEAR</t>
  </si>
  <si>
    <t>725461-94988-2012.gz</t>
  </si>
  <si>
    <t>UNIT N-1</t>
  </si>
  <si>
    <t>CHAR</t>
  </si>
  <si>
    <t>209 HWY 36</t>
  </si>
  <si>
    <t>STAGECOACH</t>
  </si>
  <si>
    <t>724828-93241-2009.gz</t>
  </si>
  <si>
    <t>POODLE MTN</t>
  </si>
  <si>
    <t>CALLAGHAN</t>
  </si>
  <si>
    <t>725824-99999-1993.gz</t>
  </si>
  <si>
    <t>BERGEN RANCH</t>
  </si>
  <si>
    <t>723104-99999-2003.gz</t>
  </si>
  <si>
    <t>GF</t>
  </si>
  <si>
    <t>722554-12978-2012.gz</t>
  </si>
  <si>
    <t>BOB</t>
  </si>
  <si>
    <t xml:space="preserve">HOPE WELL                </t>
  </si>
  <si>
    <t>CEMETARYII</t>
  </si>
  <si>
    <t>992640-99999-1992.gz</t>
  </si>
  <si>
    <t>IVERSEN CRP</t>
  </si>
  <si>
    <t>726625-24006-1998.gz</t>
  </si>
  <si>
    <t>JUNK YARD FIRE</t>
  </si>
  <si>
    <t>723090-13754-1998.gz</t>
  </si>
  <si>
    <t>WELLS FIRE</t>
  </si>
  <si>
    <t>LINDEN-631</t>
  </si>
  <si>
    <t>COLUMBUS    (28)</t>
  </si>
  <si>
    <t>TOWER II</t>
  </si>
  <si>
    <t>072 WHEELING ROAD</t>
  </si>
  <si>
    <t>OLD LIBERTY FIRE</t>
  </si>
  <si>
    <t>722927-99999-1993.gz</t>
  </si>
  <si>
    <t>ROLLINS</t>
  </si>
  <si>
    <t>RUMBLE CREEK</t>
  </si>
  <si>
    <t>725456-99999-2004.gz</t>
  </si>
  <si>
    <t>FY2015-BIBB-012</t>
  </si>
  <si>
    <t>STOCKING</t>
  </si>
  <si>
    <t>SWR-20130528-003</t>
  </si>
  <si>
    <t>SHADY GROVE2</t>
  </si>
  <si>
    <t>NORTH RED OAK</t>
  </si>
  <si>
    <t>ENON LN</t>
  </si>
  <si>
    <t>725686-94057-2007.gz</t>
  </si>
  <si>
    <t>BLUE MTN 2</t>
  </si>
  <si>
    <t>723104-99999-2002.gz</t>
  </si>
  <si>
    <t>BEACH #2</t>
  </si>
  <si>
    <t>994510-99999-2001.gz</t>
  </si>
  <si>
    <t>725488-04955-2015.gz</t>
  </si>
  <si>
    <t>GOOSEPOINT</t>
  </si>
  <si>
    <t>725473-99999-2004.gz</t>
  </si>
  <si>
    <t>12TH ST  DHSP</t>
  </si>
  <si>
    <t>GRAY FIRE</t>
  </si>
  <si>
    <t>A00004-53929-2010.gz</t>
  </si>
  <si>
    <t>REEVESROAD</t>
  </si>
  <si>
    <t>720323-93947-2007.gz</t>
  </si>
  <si>
    <t>TITIAN FIRE</t>
  </si>
  <si>
    <t>7 MILES WEST OF SNOWVILLE</t>
  </si>
  <si>
    <t>725786-99999-2001.gz</t>
  </si>
  <si>
    <t>ROUND HILL</t>
  </si>
  <si>
    <t>RL557</t>
  </si>
  <si>
    <t>RANGE (21)</t>
  </si>
  <si>
    <t>724084-99999-2005.gz</t>
  </si>
  <si>
    <t>725636-24017-2007.gz</t>
  </si>
  <si>
    <t>015-023</t>
  </si>
  <si>
    <t>TREE FIRE</t>
  </si>
  <si>
    <t>KASPER</t>
  </si>
  <si>
    <t>GOLDMINE</t>
  </si>
  <si>
    <t>ROCKY CANY</t>
  </si>
  <si>
    <t>726810-24131-1999.gz</t>
  </si>
  <si>
    <t>TIGHTEN UP</t>
  </si>
  <si>
    <t>FY2000-HEARD-021</t>
  </si>
  <si>
    <t>HAPPY HOUR</t>
  </si>
  <si>
    <t>HIGH PLAINS 1</t>
  </si>
  <si>
    <t>FARM HOUSE DRIVE FIRE</t>
  </si>
  <si>
    <t>BRIGGS Y</t>
  </si>
  <si>
    <t>WETZEL</t>
  </si>
  <si>
    <t>05-10-EVERETT FIRE-2011-07-0036</t>
  </si>
  <si>
    <t>720399-99999-2010.gz</t>
  </si>
  <si>
    <t>W.51STAVE</t>
  </si>
  <si>
    <t>LIVINGSTON - 780</t>
  </si>
  <si>
    <t>15-0000027</t>
  </si>
  <si>
    <t>EMERAL LAKE</t>
  </si>
  <si>
    <t>FY2001-BUTTS-017</t>
  </si>
  <si>
    <t>FY2002-BARROW-015</t>
  </si>
  <si>
    <t>FY2002-CHEROKEE-051</t>
  </si>
  <si>
    <t>BARNEY CREEK</t>
  </si>
  <si>
    <t>FY2011-JOHNSON-101</t>
  </si>
  <si>
    <t>MS0    0808-4230321013</t>
  </si>
  <si>
    <t xml:space="preserve">FOLEY                    </t>
  </si>
  <si>
    <t>724955-93227-2000.gz</t>
  </si>
  <si>
    <t>HYRUM DAM TIRES</t>
  </si>
  <si>
    <t>FY2011-BULLOCH-116</t>
  </si>
  <si>
    <t>MUTH FIRE</t>
  </si>
  <si>
    <t xml:space="preserve">PHILLIPI                 </t>
  </si>
  <si>
    <t>BRADY</t>
  </si>
  <si>
    <t>OLIVERIAN</t>
  </si>
  <si>
    <t>726130-14755-2009.gz</t>
  </si>
  <si>
    <t>LAKE VIEW</t>
  </si>
  <si>
    <t>723536-53986-2007.gz</t>
  </si>
  <si>
    <t>GRASS FIRE / CONTROL BURN</t>
  </si>
  <si>
    <t>DUSHON</t>
  </si>
  <si>
    <t>HOEFFERLE</t>
  </si>
  <si>
    <t>726468-54913-2010.gz</t>
  </si>
  <si>
    <t>HANSEN FIRE</t>
  </si>
  <si>
    <t>POPLAR LAKE</t>
  </si>
  <si>
    <t>OGLE</t>
  </si>
  <si>
    <t>725314-99999-2003.gz</t>
  </si>
  <si>
    <t>2013-08-0317 (42)</t>
  </si>
  <si>
    <t>722012-92817-2013.gz</t>
  </si>
  <si>
    <t>RD.1551 #2</t>
  </si>
  <si>
    <t>GREENCAMP (54)</t>
  </si>
  <si>
    <t>725484-04942-2013.gz</t>
  </si>
  <si>
    <t>HONAN</t>
  </si>
  <si>
    <t xml:space="preserve">MARSH                    </t>
  </si>
  <si>
    <t>WEST ARROW CRK</t>
  </si>
  <si>
    <t>724365-53896-2014.gz</t>
  </si>
  <si>
    <t xml:space="preserve">GONZALEZ                 </t>
  </si>
  <si>
    <t>ALTON PHILLIPS ROAD</t>
  </si>
  <si>
    <t>723067-93726-2008.gz</t>
  </si>
  <si>
    <t>727924-24223-1992.gz</t>
  </si>
  <si>
    <t xml:space="preserve">WARD RD (45) </t>
  </si>
  <si>
    <t>FARRIS</t>
  </si>
  <si>
    <t>GOESSMAN</t>
  </si>
  <si>
    <t>724335-93894-2011.gz</t>
  </si>
  <si>
    <t>SNOW HILL ROAD</t>
  </si>
  <si>
    <t>MIST</t>
  </si>
  <si>
    <t xml:space="preserve">MAGNOLIA AV / LINCOLN BL </t>
  </si>
  <si>
    <t>720598-00191-2013.gz</t>
  </si>
  <si>
    <t>TABLE MTN</t>
  </si>
  <si>
    <t>MATEO</t>
  </si>
  <si>
    <t>725775-04111-2006.gz</t>
  </si>
  <si>
    <t>DOWNS FIRE</t>
  </si>
  <si>
    <t>GRASS WOODS/NEWMAN CEMETERY RD</t>
  </si>
  <si>
    <t xml:space="preserve">BAEHER                   </t>
  </si>
  <si>
    <t>LINDEN - 6223</t>
  </si>
  <si>
    <t>NORTHHORSE</t>
  </si>
  <si>
    <t>724700-99999-1997.gz</t>
  </si>
  <si>
    <t>720636-00222-2011.gz</t>
  </si>
  <si>
    <t>FY2002-JASPER-068</t>
  </si>
  <si>
    <t>CASTEEL RD</t>
  </si>
  <si>
    <t>GARDINIA RD (64)</t>
  </si>
  <si>
    <t>BLOCK 122</t>
  </si>
  <si>
    <t>FY2001-STEPHENS-039</t>
  </si>
  <si>
    <t>BIG DITCH</t>
  </si>
  <si>
    <t>FY2012-COWETA-013</t>
  </si>
  <si>
    <t>722197-53819-2012.gz</t>
  </si>
  <si>
    <t>DENICE PAMLER</t>
  </si>
  <si>
    <t>WATERHOLLW</t>
  </si>
  <si>
    <t>RIFFE LAKE FIRE</t>
  </si>
  <si>
    <t>SPORTSMANS</t>
  </si>
  <si>
    <t>TERRY BROWN FIRE</t>
  </si>
  <si>
    <t>DD</t>
  </si>
  <si>
    <t>STRANGE CREEK</t>
  </si>
  <si>
    <t>HICKORY</t>
  </si>
  <si>
    <t>LD2208</t>
  </si>
  <si>
    <t>722054-53959-2007.gz</t>
  </si>
  <si>
    <t>722286-93806-2001.gz</t>
  </si>
  <si>
    <t>STALLION FIRE</t>
  </si>
  <si>
    <t>723069-99999-2004.gz</t>
  </si>
  <si>
    <t>723840-23155-2013.gz</t>
  </si>
  <si>
    <t>MS0    0909-5030120002</t>
  </si>
  <si>
    <t xml:space="preserve">GRIFFITH                 </t>
  </si>
  <si>
    <t>FY2011-BERRIEN-049</t>
  </si>
  <si>
    <t>747810-13857-2011.gz</t>
  </si>
  <si>
    <t>726679-04969-2007.gz</t>
  </si>
  <si>
    <t>MS0    1010-5430930020</t>
  </si>
  <si>
    <t>SER-20130203-001</t>
  </si>
  <si>
    <t xml:space="preserve">RENOLDS                  </t>
  </si>
  <si>
    <t>725533-94957-2000.gz</t>
  </si>
  <si>
    <t>723074-03703-2008.gz</t>
  </si>
  <si>
    <t>DEAD DOG</t>
  </si>
  <si>
    <t>118451-07334-02102015-1551</t>
  </si>
  <si>
    <t>BERMUDA LANE FIRE</t>
  </si>
  <si>
    <t>724006-99999-2004.gz</t>
  </si>
  <si>
    <t>EF016-2011</t>
  </si>
  <si>
    <t>724502-99999-2001.gz</t>
  </si>
  <si>
    <t xml:space="preserve">HWY 70                   </t>
  </si>
  <si>
    <t>724838-99999-2002.gz</t>
  </si>
  <si>
    <t>722330-53865-2014.gz</t>
  </si>
  <si>
    <t>724056-99999-1999.gz</t>
  </si>
  <si>
    <t>13 TH STREET</t>
  </si>
  <si>
    <t>GARFIELD ASSIST 18</t>
  </si>
  <si>
    <t>BOOTH LAKE 2004</t>
  </si>
  <si>
    <t>19754 CR 818</t>
  </si>
  <si>
    <t>727033-99999-1995.gz</t>
  </si>
  <si>
    <t>HWY 45</t>
  </si>
  <si>
    <t>FY2014-ECHOLS-002</t>
  </si>
  <si>
    <t xml:space="preserve">WOODMAN                  </t>
  </si>
  <si>
    <t>NICOLA</t>
  </si>
  <si>
    <t>5565 RIDGE RD.</t>
  </si>
  <si>
    <t>727449-04954-2013.gz</t>
  </si>
  <si>
    <t>FY2015-WEBSTER-004</t>
  </si>
  <si>
    <t>FY2003-LOWNDES-005</t>
  </si>
  <si>
    <t>DARR</t>
  </si>
  <si>
    <t>FY2002-HENRY-001</t>
  </si>
  <si>
    <t>FY2001-WASHINGTON-008</t>
  </si>
  <si>
    <t>200 BLK FM 3351</t>
  </si>
  <si>
    <t>720733-99999-2011.gz</t>
  </si>
  <si>
    <t>PRICE</t>
  </si>
  <si>
    <t xml:space="preserve">CAFKU005753              </t>
  </si>
  <si>
    <t>720652-00433-2012.gz</t>
  </si>
  <si>
    <t>BEAVER MEADOW FIRE</t>
  </si>
  <si>
    <t>LIVINGSTON - 1034</t>
  </si>
  <si>
    <t>F87</t>
  </si>
  <si>
    <t>FY2013-BALDWIN-015</t>
  </si>
  <si>
    <t>WET ASH 3 FIRE</t>
  </si>
  <si>
    <t>EF006-2011</t>
  </si>
  <si>
    <t>727410-99999-1995.gz</t>
  </si>
  <si>
    <t>FY2014-TREUTLEN-019</t>
  </si>
  <si>
    <t>CLARE           0012</t>
  </si>
  <si>
    <t>HALLS RANCH (08)</t>
  </si>
  <si>
    <t>BAHI</t>
  </si>
  <si>
    <t>722200-12832-2002.gz</t>
  </si>
  <si>
    <t>726077-14616-2012.gz</t>
  </si>
  <si>
    <t>FY2003-JOHNSON-021</t>
  </si>
  <si>
    <t>726558-99999-1995.gz</t>
  </si>
  <si>
    <t>TROUT</t>
  </si>
  <si>
    <t>690170-99999-2000.gz</t>
  </si>
  <si>
    <t>BRANCHES EVERYWHERE</t>
  </si>
  <si>
    <t>8165 390E     21</t>
  </si>
  <si>
    <t>FY2000-LONG-020</t>
  </si>
  <si>
    <t>RAILROAD 2</t>
  </si>
  <si>
    <t>MVA GRASS FIRE</t>
  </si>
  <si>
    <t>JOLLER MOUNTAIN FIRE</t>
  </si>
  <si>
    <t>COOKS CREEK</t>
  </si>
  <si>
    <t>724454-93996-2009.gz</t>
  </si>
  <si>
    <t>MS0    1010-5790411007</t>
  </si>
  <si>
    <t>726558-04914-2014.gz</t>
  </si>
  <si>
    <t>MIKE BEER</t>
  </si>
  <si>
    <t>QUARRY ( 13 )</t>
  </si>
  <si>
    <t>722026-12826-2014.gz</t>
  </si>
  <si>
    <t>120791-11043-03162015-1620</t>
  </si>
  <si>
    <t>BELLA VISTA   MORONGO 7</t>
  </si>
  <si>
    <t>BASE POLE</t>
  </si>
  <si>
    <t>FY2000-BIBB-010</t>
  </si>
  <si>
    <t>726450-14898-2002.gz</t>
  </si>
  <si>
    <t>LINDA OBRIEN</t>
  </si>
  <si>
    <t>ECR-20150805-002</t>
  </si>
  <si>
    <t>720265-63833-2015.gz</t>
  </si>
  <si>
    <t>WIDECANYON</t>
  </si>
  <si>
    <t>723350-13877-2013.gz</t>
  </si>
  <si>
    <t>JOHN</t>
  </si>
  <si>
    <t>250FIRE</t>
  </si>
  <si>
    <t>722216-99999-2011.gz</t>
  </si>
  <si>
    <t>727555-94956-2012.gz</t>
  </si>
  <si>
    <t xml:space="preserve">DUNBAR                   </t>
  </si>
  <si>
    <t>1610 LIGHTNING</t>
  </si>
  <si>
    <t>722021-92816-2008.gz</t>
  </si>
  <si>
    <t>WINDOW ROCK RD 11-13-2011</t>
  </si>
  <si>
    <t>WEEKLY RUN</t>
  </si>
  <si>
    <t>BALLARD</t>
  </si>
  <si>
    <t>722687-93033-2008.gz</t>
  </si>
  <si>
    <t>726155-99999-2000.gz</t>
  </si>
  <si>
    <t>RADIO TOWER HILL RD FIRE</t>
  </si>
  <si>
    <t>DUTTON STORE FIRE</t>
  </si>
  <si>
    <t>YONTZ'S DEER WOODS</t>
  </si>
  <si>
    <t>723177-63807-2014.gz</t>
  </si>
  <si>
    <t>TRI</t>
  </si>
  <si>
    <t>CLIFF</t>
  </si>
  <si>
    <t>724097-99999-1995.gz</t>
  </si>
  <si>
    <t>4D RANCH FIRE</t>
  </si>
  <si>
    <t>TMCOMPX I</t>
  </si>
  <si>
    <t>727675-94011-1998.gz</t>
  </si>
  <si>
    <t>BOOTY</t>
  </si>
  <si>
    <t>BIRK</t>
  </si>
  <si>
    <t>M.SHIELDS</t>
  </si>
  <si>
    <t>727680-94008-2005.gz</t>
  </si>
  <si>
    <t>061 RED BERRY</t>
  </si>
  <si>
    <t>HARD TIME</t>
  </si>
  <si>
    <t>ESTRELLA</t>
  </si>
  <si>
    <t>12-0000349</t>
  </si>
  <si>
    <t>FY2003-BARTOW-020</t>
  </si>
  <si>
    <t>725610-24030-2012.gz</t>
  </si>
  <si>
    <t>FRENCH BROAD CROSSING FIRE</t>
  </si>
  <si>
    <t>SOUTH WK</t>
  </si>
  <si>
    <t>KIDD CR</t>
  </si>
  <si>
    <t>726558-04914-2010.gz</t>
  </si>
  <si>
    <t>4-3 WOODY</t>
  </si>
  <si>
    <t>725958-94299-2011.gz</t>
  </si>
  <si>
    <t>NOR-20121208-001</t>
  </si>
  <si>
    <t>131434-01509-11192015-1907</t>
  </si>
  <si>
    <t>SWR-20131030-004</t>
  </si>
  <si>
    <t>726498-04925-2007.gz</t>
  </si>
  <si>
    <t>PATRICKS</t>
  </si>
  <si>
    <t>FRED'S HAY FIRE</t>
  </si>
  <si>
    <t>ARGO</t>
  </si>
  <si>
    <t>702650-99999-2002.gz</t>
  </si>
  <si>
    <t xml:space="preserve">LONE TREE                </t>
  </si>
  <si>
    <t>FENCER</t>
  </si>
  <si>
    <t>726502-54832-2012.gz</t>
  </si>
  <si>
    <t>MUSKEGON 02</t>
  </si>
  <si>
    <t>TOPOCK MARINA</t>
  </si>
  <si>
    <t>DOG WOOD STAND</t>
  </si>
  <si>
    <t>REID RD DEER STAND</t>
  </si>
  <si>
    <t>723193-93807-2013.gz</t>
  </si>
  <si>
    <t>MONTANO</t>
  </si>
  <si>
    <t>SNEADS COMMAND(32)</t>
  </si>
  <si>
    <t>747760-03818-2012.gz</t>
  </si>
  <si>
    <t>BASEBALL PARK - CONTROL BURN</t>
  </si>
  <si>
    <t>FY2000-CHARLTON-072</t>
  </si>
  <si>
    <t>BEGGS RANCH FIRE</t>
  </si>
  <si>
    <t>CODY</t>
  </si>
  <si>
    <t>725895-94236-2011.gz</t>
  </si>
  <si>
    <t>MCDANIEL ROAD</t>
  </si>
  <si>
    <t>726679-04969-2009.gz</t>
  </si>
  <si>
    <t>SHILOH TOWER</t>
  </si>
  <si>
    <t>BENT MOUNTAIN ROUND</t>
  </si>
  <si>
    <t>726720-24061-2008.gz</t>
  </si>
  <si>
    <t>HWY 34 &amp; KINGS CREEK</t>
  </si>
  <si>
    <t>SLAUGHTERH</t>
  </si>
  <si>
    <t>PAISANO/MARAVILLAS</t>
  </si>
  <si>
    <t>MS0    0808-5151207001</t>
  </si>
  <si>
    <t>ZION CHURCH ROAD</t>
  </si>
  <si>
    <t>725207-54735-2015.gz</t>
  </si>
  <si>
    <t>NER-20150804-001</t>
  </si>
  <si>
    <t>CUTLER</t>
  </si>
  <si>
    <t>COBB FIRE</t>
  </si>
  <si>
    <t>ELDERCARE</t>
  </si>
  <si>
    <t>2661 ACR 458</t>
  </si>
  <si>
    <t>BLACKBIRD LANE</t>
  </si>
  <si>
    <t>722748-99999-2001.gz</t>
  </si>
  <si>
    <t>FY2002-MARION-019</t>
  </si>
  <si>
    <t>ELBENT JOHNSON ROAD FIRE</t>
  </si>
  <si>
    <t>11-0000341</t>
  </si>
  <si>
    <t>WEST PICKET CREEK</t>
  </si>
  <si>
    <t>AUNGOOP</t>
  </si>
  <si>
    <t>ALONZO ROAD</t>
  </si>
  <si>
    <t xml:space="preserve">CURTIS                   </t>
  </si>
  <si>
    <t>724097-99999-2003.gz</t>
  </si>
  <si>
    <t>UINTA RIVER</t>
  </si>
  <si>
    <t>LEER MINE #1</t>
  </si>
  <si>
    <t>FM 933 &amp; FM 934 BLUM</t>
  </si>
  <si>
    <t>GLEN FALLS</t>
  </si>
  <si>
    <t>PRAIRIE STAR</t>
  </si>
  <si>
    <t>724646-03028-2011.gz</t>
  </si>
  <si>
    <t xml:space="preserve">LOWER                    </t>
  </si>
  <si>
    <t>FAST RUNNER 1</t>
  </si>
  <si>
    <t>46-S166 FIRE-1096</t>
  </si>
  <si>
    <t>IGLOO</t>
  </si>
  <si>
    <t xml:space="preserve">HWY 41E  / DAVIS RD      </t>
  </si>
  <si>
    <t>FY2014-LOWNDES-011</t>
  </si>
  <si>
    <t>HWY 204 EAST</t>
  </si>
  <si>
    <t>722897-93206-2013.gz</t>
  </si>
  <si>
    <t>OYSTER</t>
  </si>
  <si>
    <t>725775-04111-1994.gz</t>
  </si>
  <si>
    <t>POST 1</t>
  </si>
  <si>
    <t>745096-99999-1992.gz</t>
  </si>
  <si>
    <t>725868-99999-1993.gz</t>
  </si>
  <si>
    <t>LOSTMAN CREEK</t>
  </si>
  <si>
    <t>ITA FIRE</t>
  </si>
  <si>
    <t>723068-99999-2001.gz</t>
  </si>
  <si>
    <t>FORTUNE BIN FIRE</t>
  </si>
  <si>
    <t>GUTIERREZ</t>
  </si>
  <si>
    <t>723895-99999-2005.gz</t>
  </si>
  <si>
    <t>RUM CREEK 2 (14)</t>
  </si>
  <si>
    <t>C JONES</t>
  </si>
  <si>
    <t>720491-99999-2013.gz</t>
  </si>
  <si>
    <t>FY2000-LAMAR-034</t>
  </si>
  <si>
    <t>MILLER CR</t>
  </si>
  <si>
    <t>ORHONDO</t>
  </si>
  <si>
    <t>MAPLE BR.</t>
  </si>
  <si>
    <t>FY2014-CLINCH-008</t>
  </si>
  <si>
    <t>BIRCH RANCH FIRE</t>
  </si>
  <si>
    <t>FOLDING CHAIR</t>
  </si>
  <si>
    <t>TURNER FORK</t>
  </si>
  <si>
    <t>HUNTINGTON</t>
  </si>
  <si>
    <t>725825-24121-1992.gz</t>
  </si>
  <si>
    <t>FY2013-PEACH-002</t>
  </si>
  <si>
    <t>FY2002-TROUP-046</t>
  </si>
  <si>
    <t>722748-99999-1999.gz</t>
  </si>
  <si>
    <t>FY2013-BULLOCH-052</t>
  </si>
  <si>
    <t>PPSO(RUN#20)</t>
  </si>
  <si>
    <t>WAR BRANCH</t>
  </si>
  <si>
    <t>VILLAGE CREEK</t>
  </si>
  <si>
    <t>703407-26553-2015.gz</t>
  </si>
  <si>
    <t>FY2015-PULASKI-022</t>
  </si>
  <si>
    <t>720120-63837-2011.gz</t>
  </si>
  <si>
    <t>SWIFT ROAD FIELD FIRE</t>
  </si>
  <si>
    <t>722201-03723-2008.gz</t>
  </si>
  <si>
    <t>CANALFIRE</t>
  </si>
  <si>
    <t>725760-24021-1993.gz</t>
  </si>
  <si>
    <t>BUN</t>
  </si>
  <si>
    <t>725825-24121-2004.gz</t>
  </si>
  <si>
    <t>LUCK OF THE IRISH</t>
  </si>
  <si>
    <t>ROCKY CREEK</t>
  </si>
  <si>
    <t>722055-99999-2003.gz</t>
  </si>
  <si>
    <t>J.S. SUITER</t>
  </si>
  <si>
    <t>720498-00153-2012.gz</t>
  </si>
  <si>
    <t>NER-20141212-006</t>
  </si>
  <si>
    <t>720674-00249-2014.gz</t>
  </si>
  <si>
    <t>GREEN HILL FIRE</t>
  </si>
  <si>
    <t>FY2012-TATTNALL-002</t>
  </si>
  <si>
    <t>HWY 360</t>
  </si>
  <si>
    <t>BRADLEY RD. FIRE</t>
  </si>
  <si>
    <t>ESCAPE FROM CAMP MONROE</t>
  </si>
  <si>
    <t>NOR-20141128-001</t>
  </si>
  <si>
    <t>722279-53852-2014.gz</t>
  </si>
  <si>
    <t>CRESTLINE</t>
  </si>
  <si>
    <t>420A FIRE</t>
  </si>
  <si>
    <t>724019-93773-2008.gz</t>
  </si>
  <si>
    <t>SAND SPRGS</t>
  </si>
  <si>
    <t>725700-99999-2002.gz</t>
  </si>
  <si>
    <t>NER-20150329-004</t>
  </si>
  <si>
    <t>720674-00249-2015.gz</t>
  </si>
  <si>
    <t>SUN VALLEY RD.</t>
  </si>
  <si>
    <t>723756-99999-1993.gz</t>
  </si>
  <si>
    <t>STOTONIC</t>
  </si>
  <si>
    <t>GIBSON BAY</t>
  </si>
  <si>
    <t>FM 3094</t>
  </si>
  <si>
    <t>PEARBLOSSOM</t>
  </si>
  <si>
    <t>722527-12976-2007.gz</t>
  </si>
  <si>
    <t>CHANNAL ROAD(54)</t>
  </si>
  <si>
    <t>FY2016-WARREN-001</t>
  </si>
  <si>
    <t>N.A.</t>
  </si>
  <si>
    <t>723604-23007-2010.gz</t>
  </si>
  <si>
    <t>WHITEOAK</t>
  </si>
  <si>
    <t>TYLER</t>
  </si>
  <si>
    <t>722218-00356-2007.gz</t>
  </si>
  <si>
    <t>GRASS FIRE FM 914</t>
  </si>
  <si>
    <t>723119-13886-2008.gz</t>
  </si>
  <si>
    <t>GRANDADDY LONG LEG</t>
  </si>
  <si>
    <t>FY2000-BERRIEN-157</t>
  </si>
  <si>
    <t xml:space="preserve">CENTRAL 2                </t>
  </si>
  <si>
    <t>WATER 2</t>
  </si>
  <si>
    <t>SHORES</t>
  </si>
  <si>
    <t>FY2002-WHEELER-073</t>
  </si>
  <si>
    <t>GRASSFIRE/ BRUSH PILE</t>
  </si>
  <si>
    <t>722300-53864-2003.gz</t>
  </si>
  <si>
    <t>GRASS FIRE CR 189</t>
  </si>
  <si>
    <t>SR 154 BRUSH FIRE</t>
  </si>
  <si>
    <t xml:space="preserve">SOSCOL                   </t>
  </si>
  <si>
    <t>ROAD CAMP</t>
  </si>
  <si>
    <t>PLUGHAT</t>
  </si>
  <si>
    <t xml:space="preserve">LAKE# 7                  </t>
  </si>
  <si>
    <t>SKIMPY</t>
  </si>
  <si>
    <t>MS0    1111-3340224007</t>
  </si>
  <si>
    <t>CALFCANYON</t>
  </si>
  <si>
    <t>724773-99999-1995.gz</t>
  </si>
  <si>
    <t xml:space="preserve">OLD FM 726 </t>
  </si>
  <si>
    <t>HWY 50 @ WIGGINS</t>
  </si>
  <si>
    <t>EMMONS</t>
  </si>
  <si>
    <t>BOUNDARY LINE RD.</t>
  </si>
  <si>
    <t>SILVER HILL FIRE</t>
  </si>
  <si>
    <t>745940-13705-2011.gz</t>
  </si>
  <si>
    <t>BENCHLEY FIRE</t>
  </si>
  <si>
    <t>SWEETHEART</t>
  </si>
  <si>
    <t>FY2001-EFFINGHAM-083</t>
  </si>
  <si>
    <t>725775-04111-2010.gz</t>
  </si>
  <si>
    <t>A1303022</t>
  </si>
  <si>
    <t>FY2012-WILKES-013</t>
  </si>
  <si>
    <t>JAWBONE COMPLEX</t>
  </si>
  <si>
    <t>722953-03183-2012.gz</t>
  </si>
  <si>
    <t>IRRIGATION</t>
  </si>
  <si>
    <t>WYANDOTTE</t>
  </si>
  <si>
    <t>724837-93216-2014.gz</t>
  </si>
  <si>
    <t>ROCKCREEK</t>
  </si>
  <si>
    <t>722781-99999-2014.gz</t>
  </si>
  <si>
    <t>723065-13783-2008.gz</t>
  </si>
  <si>
    <t>720348-63886-2009.gz</t>
  </si>
  <si>
    <t>FT MEAD2-2</t>
  </si>
  <si>
    <t>726627-99999-1992.gz</t>
  </si>
  <si>
    <t>OLIVER CEMETARY</t>
  </si>
  <si>
    <t>POPE RD EXT.</t>
  </si>
  <si>
    <t>S. MOUNTAIN</t>
  </si>
  <si>
    <t>FY2000-WASHINGTON-043</t>
  </si>
  <si>
    <t xml:space="preserve">SLU-2365                 </t>
  </si>
  <si>
    <t>UNNAMED FIRE 0522</t>
  </si>
  <si>
    <t>723434-03973-2013.gz</t>
  </si>
  <si>
    <t>MINERAL 2</t>
  </si>
  <si>
    <t>725847-93230-2004.gz</t>
  </si>
  <si>
    <t>727468-04928-2014.gz</t>
  </si>
  <si>
    <t>SER-20140712-001</t>
  </si>
  <si>
    <t>722219-99999-2014.gz</t>
  </si>
  <si>
    <t>TWIN SPRINGS</t>
  </si>
  <si>
    <t>FINALLY</t>
  </si>
  <si>
    <t>722071-53935-2007.gz</t>
  </si>
  <si>
    <t>JOHNSON ROAD (67)</t>
  </si>
  <si>
    <t>SER-20130528-007</t>
  </si>
  <si>
    <t>722275-53843-2013.gz</t>
  </si>
  <si>
    <t>1008 FIRE</t>
  </si>
  <si>
    <t>MEDINA LAKE</t>
  </si>
  <si>
    <t>ALLEN ROAD</t>
  </si>
  <si>
    <t>RAIL</t>
  </si>
  <si>
    <t>CENTER LAN</t>
  </si>
  <si>
    <t>720456-00146-2012.gz</t>
  </si>
  <si>
    <t>726450-14898-2000.gz</t>
  </si>
  <si>
    <t>WHICH NEIGHBOR FIRE</t>
  </si>
  <si>
    <t>MEMBERS ONLY 7030</t>
  </si>
  <si>
    <t>FY2016-ELBERT-003</t>
  </si>
  <si>
    <t>ELLIOT 9/24/14</t>
  </si>
  <si>
    <t>NER-20140705-001</t>
  </si>
  <si>
    <t>1963 VERNON FIRE</t>
  </si>
  <si>
    <t>LAKESHORE DR  CLEARLAKE_O</t>
  </si>
  <si>
    <t>MS0    1010-4550329012</t>
  </si>
  <si>
    <t>25-VANDY EVE FIRE-0438</t>
  </si>
  <si>
    <t>722123-12809-2010.gz</t>
  </si>
  <si>
    <t>722140-93805-2008.gz</t>
  </si>
  <si>
    <t>725555-99999-1999.gz</t>
  </si>
  <si>
    <t>CONKLIN</t>
  </si>
  <si>
    <t>3-2 BEAR</t>
  </si>
  <si>
    <t>725958-94299-2014.gz</t>
  </si>
  <si>
    <t>723084-99999-2001.gz</t>
  </si>
  <si>
    <t>MACHIAS</t>
  </si>
  <si>
    <t>FY2001-BULLOCH-039</t>
  </si>
  <si>
    <t>FY2011-STEWART-021</t>
  </si>
  <si>
    <t>ROCKING CHAIR RANCH FIRE</t>
  </si>
  <si>
    <t>723520-99999-2003.gz</t>
  </si>
  <si>
    <t>723656-99999-2003.gz</t>
  </si>
  <si>
    <t>MODENA</t>
  </si>
  <si>
    <t>SILVER CREEK RIDGE</t>
  </si>
  <si>
    <t>FY2001-MITCHELL-041</t>
  </si>
  <si>
    <t>FY2001-MITCHELL-086</t>
  </si>
  <si>
    <t>SARATOGA</t>
  </si>
  <si>
    <t>726625-24006-1999.gz</t>
  </si>
  <si>
    <t xml:space="preserve">HOAG                     </t>
  </si>
  <si>
    <t>HELLS CANYON</t>
  </si>
  <si>
    <t>DIAMOND JACK</t>
  </si>
  <si>
    <t>CEMETERY RD</t>
  </si>
  <si>
    <t>720864-00290-2013.gz</t>
  </si>
  <si>
    <t>HORSECREEK2011</t>
  </si>
  <si>
    <t>722368-00364-2010.gz</t>
  </si>
  <si>
    <t xml:space="preserve">FEENSTRA ROAD            </t>
  </si>
  <si>
    <t>MS0    1010-4461001005</t>
  </si>
  <si>
    <t>RETRO-HUGHS-TDEC</t>
  </si>
  <si>
    <t>LITTLEPOND</t>
  </si>
  <si>
    <t>CHAMNESS</t>
  </si>
  <si>
    <t>720271-03044-2009.gz</t>
  </si>
  <si>
    <t>BILL'S STUCK TRACTOR FIRE</t>
  </si>
  <si>
    <t xml:space="preserve">SINGH                    </t>
  </si>
  <si>
    <t>GOTTS 4</t>
  </si>
  <si>
    <t>726813-99999-2005.gz</t>
  </si>
  <si>
    <t>FY2012-WORTH-041</t>
  </si>
  <si>
    <t>722160-13869-2012.gz</t>
  </si>
  <si>
    <t>722341-92822-2008.gz</t>
  </si>
  <si>
    <t>RL157</t>
  </si>
  <si>
    <t>GRIMESLAND BRIDGE FIRE</t>
  </si>
  <si>
    <t>722255-93842-2009.gz</t>
  </si>
  <si>
    <t>UPSPOKMTN</t>
  </si>
  <si>
    <t>FY2000-CHATTOOGA-091</t>
  </si>
  <si>
    <t>TWIN MOUNDS</t>
  </si>
  <si>
    <t>LASSITER LANE FIRE</t>
  </si>
  <si>
    <t>724007-99999-2000.gz</t>
  </si>
  <si>
    <t>5TH FIRE</t>
  </si>
  <si>
    <t>723405-03930-2006.gz</t>
  </si>
  <si>
    <t>GUSTY</t>
  </si>
  <si>
    <t>ORTIZ</t>
  </si>
  <si>
    <t>723675-99999-2002.gz</t>
  </si>
  <si>
    <t xml:space="preserve">CHINESE CAMP #1          </t>
  </si>
  <si>
    <t>722279-53852-2007.gz</t>
  </si>
  <si>
    <t>PATTY</t>
  </si>
  <si>
    <t>724075-13735-2015.gz</t>
  </si>
  <si>
    <t>722167-03718-2007.gz</t>
  </si>
  <si>
    <t>8425 ASPEN</t>
  </si>
  <si>
    <t>LAMM RD FIRE</t>
  </si>
  <si>
    <t>723068-93759-2011.gz</t>
  </si>
  <si>
    <t>DUNG</t>
  </si>
  <si>
    <t>723820-23182-2009.gz</t>
  </si>
  <si>
    <t>726077-99999-1998.gz</t>
  </si>
  <si>
    <t>724464-99999-2002.gz</t>
  </si>
  <si>
    <t>994360-99999-1994.gz</t>
  </si>
  <si>
    <t>JIMMY GREGORY</t>
  </si>
  <si>
    <t>FY2011-MACON-045</t>
  </si>
  <si>
    <t>MATTIE 2 FIRE</t>
  </si>
  <si>
    <t>NARROW</t>
  </si>
  <si>
    <t>VERTICAL D-5 FIRE</t>
  </si>
  <si>
    <t>722440-12918-2006.gz</t>
  </si>
  <si>
    <t>TRAX</t>
  </si>
  <si>
    <t>RICK HOLLOW</t>
  </si>
  <si>
    <t>724113-99999-1995.gz</t>
  </si>
  <si>
    <t>J REID</t>
  </si>
  <si>
    <t xml:space="preserve">IVER                     </t>
  </si>
  <si>
    <t>TWILIGHT</t>
  </si>
  <si>
    <t>722218-00356-2010.gz</t>
  </si>
  <si>
    <t>POWDERHOUSE</t>
  </si>
  <si>
    <t>726881-99999-2004.gz</t>
  </si>
  <si>
    <t>724017-03707-2007.gz</t>
  </si>
  <si>
    <t>JUANITA AVE (56)</t>
  </si>
  <si>
    <t>HOW BOUT THAT STRAW</t>
  </si>
  <si>
    <t>LAUREL BRANCH III</t>
  </si>
  <si>
    <t>SPRING29</t>
  </si>
  <si>
    <t>FAIRCLOTH ST (58)</t>
  </si>
  <si>
    <t>722034-12812-2015.gz</t>
  </si>
  <si>
    <t>MARSHAL LAKE</t>
  </si>
  <si>
    <t>DEERE-3920</t>
  </si>
  <si>
    <t>723550-13945-2013.gz</t>
  </si>
  <si>
    <t xml:space="preserve">OLIVE FIRE               </t>
  </si>
  <si>
    <t>722926-03154-2002.gz</t>
  </si>
  <si>
    <t>FM 210</t>
  </si>
  <si>
    <t>TWIN OAKS #2</t>
  </si>
  <si>
    <t>BROOK MORRIS</t>
  </si>
  <si>
    <t xml:space="preserve">"EVISON,W"               </t>
  </si>
  <si>
    <t>RUG RATS</t>
  </si>
  <si>
    <t>722907-53143-2014.gz</t>
  </si>
  <si>
    <t>MAHOGANY BUTTE</t>
  </si>
  <si>
    <t>722880-23152-2009.gz</t>
  </si>
  <si>
    <t>724810-99999-2001.gz</t>
  </si>
  <si>
    <t>720110-53983-2006.gz</t>
  </si>
  <si>
    <t>RINCON</t>
  </si>
  <si>
    <t>MISSION MOUNTAIN</t>
  </si>
  <si>
    <t>727750-24143-2011.gz</t>
  </si>
  <si>
    <t>722159-12980-2014.gz</t>
  </si>
  <si>
    <t>724455-14938-1997.gz</t>
  </si>
  <si>
    <t>WIDNER</t>
  </si>
  <si>
    <t>722689-23077-2013.gz</t>
  </si>
  <si>
    <t>ALAFOREST</t>
  </si>
  <si>
    <t>994420-99999-1994.gz</t>
  </si>
  <si>
    <t>US 287 AND FM 1260</t>
  </si>
  <si>
    <t>723660-23007-2012.gz</t>
  </si>
  <si>
    <t>COOKIE HOE DOWN</t>
  </si>
  <si>
    <t>724457-99999-2004.gz</t>
  </si>
  <si>
    <t>BEAVER BROOK ROAD</t>
  </si>
  <si>
    <t>727135-94623-2015.gz</t>
  </si>
  <si>
    <t>DOUG FIRE</t>
  </si>
  <si>
    <t>725337-99999-2002.gz</t>
  </si>
  <si>
    <t>MS0    0808-4180209006</t>
  </si>
  <si>
    <t>WATTS RD FIRE</t>
  </si>
  <si>
    <t>INEZ STRIP 2</t>
  </si>
  <si>
    <t>RED RUB</t>
  </si>
  <si>
    <t>747900-13849-2012.gz</t>
  </si>
  <si>
    <t>FY2002-JASPER-043</t>
  </si>
  <si>
    <t>INMAN BRANCH FIRE</t>
  </si>
  <si>
    <t>TEMESCAL</t>
  </si>
  <si>
    <t>720333-53175-2010.gz</t>
  </si>
  <si>
    <t>HUFF RANCH</t>
  </si>
  <si>
    <t>AARON</t>
  </si>
  <si>
    <t>LUTZ</t>
  </si>
  <si>
    <t>BLUE HALL ROAD</t>
  </si>
  <si>
    <t>720452-99999-2014.gz</t>
  </si>
  <si>
    <t>MOORE RD / JOINER PKWY</t>
  </si>
  <si>
    <t>CARNATION</t>
  </si>
  <si>
    <t xml:space="preserve">U.T.C.                   </t>
  </si>
  <si>
    <t>724946-99999-2000.gz</t>
  </si>
  <si>
    <t>FY2001-OGLETHORPE-017</t>
  </si>
  <si>
    <t>CREEK-2</t>
  </si>
  <si>
    <t>725485-14940-2015.gz</t>
  </si>
  <si>
    <t>KINGASIVIK MOUNTAINS</t>
  </si>
  <si>
    <t>14-722</t>
  </si>
  <si>
    <t>720394-00428-2013.gz</t>
  </si>
  <si>
    <t>MINERVA</t>
  </si>
  <si>
    <t>720308-04992-2014.gz</t>
  </si>
  <si>
    <t>PODANY</t>
  </si>
  <si>
    <t>IRONGRAPE</t>
  </si>
  <si>
    <t>725765-24061-2004.gz</t>
  </si>
  <si>
    <t>GRAS FIRE</t>
  </si>
  <si>
    <t>LITTLE HEART BOTTOMS</t>
  </si>
  <si>
    <t xml:space="preserve">I5                       </t>
  </si>
  <si>
    <t>MS0    1010-4210426001</t>
  </si>
  <si>
    <t>NAVAJO 01</t>
  </si>
  <si>
    <t>SATTERWHITE</t>
  </si>
  <si>
    <t>723069-93753-2008.gz</t>
  </si>
  <si>
    <t>FISHERY</t>
  </si>
  <si>
    <t>LEWIS FARM FIRE</t>
  </si>
  <si>
    <t>PARKER WF</t>
  </si>
  <si>
    <t>TROUGH FORK</t>
  </si>
  <si>
    <t>726184-99999-2005.gz</t>
  </si>
  <si>
    <t>WIR1</t>
  </si>
  <si>
    <t>INDIAN TRAILS FIRE</t>
  </si>
  <si>
    <t>KARTAR CK</t>
  </si>
  <si>
    <t>RL 235</t>
  </si>
  <si>
    <t>128 OLD MILL BRANCH LN.</t>
  </si>
  <si>
    <t>SENTER3</t>
  </si>
  <si>
    <t>BALDHILL 4</t>
  </si>
  <si>
    <t>BULLBAT #4</t>
  </si>
  <si>
    <t>STONECOAL</t>
  </si>
  <si>
    <t>MS0    1111-4460422001</t>
  </si>
  <si>
    <t>SAND HOLOW</t>
  </si>
  <si>
    <t>726875-99999-2002.gz</t>
  </si>
  <si>
    <t>GILLIGAN</t>
  </si>
  <si>
    <t>LONG FIRE</t>
  </si>
  <si>
    <t xml:space="preserve">"11,770"                 </t>
  </si>
  <si>
    <t xml:space="preserve">GLENHAVEN DR / HWY 20 2  </t>
  </si>
  <si>
    <t>NWR-20150209-002</t>
  </si>
  <si>
    <t>TEN MILE CREEK</t>
  </si>
  <si>
    <t>FOXHOLE</t>
  </si>
  <si>
    <t>NER-20120317-002</t>
  </si>
  <si>
    <t>727826-24141-2010.gz</t>
  </si>
  <si>
    <t>HOPPLE FIRE</t>
  </si>
  <si>
    <t>726196-14610-2014.gz</t>
  </si>
  <si>
    <t>TRAIL CANYON</t>
  </si>
  <si>
    <t>725869-94186-2008.gz</t>
  </si>
  <si>
    <t>BALL CREEK</t>
  </si>
  <si>
    <t>WALZ FIRE</t>
  </si>
  <si>
    <t>HWY 74 WEST FIRE</t>
  </si>
  <si>
    <t xml:space="preserve">TAYLOR                   </t>
  </si>
  <si>
    <t>BOUQUET</t>
  </si>
  <si>
    <t>FY2000-COFFEE-103</t>
  </si>
  <si>
    <t>725847-99999-1997.gz</t>
  </si>
  <si>
    <t>725958-99999-2004.gz</t>
  </si>
  <si>
    <t xml:space="preserve">LOCAL-VEG ST38PRA        </t>
  </si>
  <si>
    <t>ROCKLAND FIRE</t>
  </si>
  <si>
    <t>LITTLE DUMP</t>
  </si>
  <si>
    <t>742077-03763-2007.gz</t>
  </si>
  <si>
    <t>ARROYO RAMIREZ</t>
  </si>
  <si>
    <t>LD1505</t>
  </si>
  <si>
    <t>SAN ANTONIO RD / D STREET</t>
  </si>
  <si>
    <t>GREG IS HAPPIER</t>
  </si>
  <si>
    <t>MARTY WEST</t>
  </si>
  <si>
    <t>725566-04957-2012.gz</t>
  </si>
  <si>
    <t>MDF DG WASHINGTON</t>
  </si>
  <si>
    <t>SOUTH RIM</t>
  </si>
  <si>
    <t>747320-23002-2006.gz</t>
  </si>
  <si>
    <t>TIMBER</t>
  </si>
  <si>
    <t>BROOKSHIRE DR. FIRE</t>
  </si>
  <si>
    <t xml:space="preserve">WEXFORD DR (05) </t>
  </si>
  <si>
    <t>747950-12867-2014.gz</t>
  </si>
  <si>
    <t>CR 3081</t>
  </si>
  <si>
    <t>722518-12974-2011.gz</t>
  </si>
  <si>
    <t>726464-54834-2011.gz</t>
  </si>
  <si>
    <t>ECR-20130622-001</t>
  </si>
  <si>
    <t>742513-53937-2007.gz</t>
  </si>
  <si>
    <t>O'DANIEL RD.</t>
  </si>
  <si>
    <t>PERRY COMP</t>
  </si>
  <si>
    <t>726518-99999-2003.gz</t>
  </si>
  <si>
    <t>FY2001-LAURENS-026</t>
  </si>
  <si>
    <t>112 BARBAS RD</t>
  </si>
  <si>
    <t>724210-93814-2009.gz</t>
  </si>
  <si>
    <t>CHAIN UP</t>
  </si>
  <si>
    <t>OLD STAGE ROAD</t>
  </si>
  <si>
    <t>RIVER #1</t>
  </si>
  <si>
    <t>SPRING CREEK WFU</t>
  </si>
  <si>
    <t xml:space="preserve">DUFF                     </t>
  </si>
  <si>
    <t>W.K. CREEK</t>
  </si>
  <si>
    <t>727504-94999-2008.gz</t>
  </si>
  <si>
    <t>SAND CREEK RIDGE ROAD</t>
  </si>
  <si>
    <t>PRONGHORN II</t>
  </si>
  <si>
    <t>723600-23051-2011.gz</t>
  </si>
  <si>
    <t>ECR-20141127-001</t>
  </si>
  <si>
    <t>FY2001-PIKE-022</t>
  </si>
  <si>
    <t>TAYLOR LUMBER</t>
  </si>
  <si>
    <t>722317-13970-2010.gz</t>
  </si>
  <si>
    <t>UNION GAP</t>
  </si>
  <si>
    <t>FY2002-EARLY-025</t>
  </si>
  <si>
    <t>BUCK MTN</t>
  </si>
  <si>
    <t>GRANDVIEW</t>
  </si>
  <si>
    <t>STREAMER</t>
  </si>
  <si>
    <t>725824-99999-1998.gz</t>
  </si>
  <si>
    <t>FY2002-CLINCH-027</t>
  </si>
  <si>
    <t>726079-99999-2001.gz</t>
  </si>
  <si>
    <t>MELISSA LN FIRE</t>
  </si>
  <si>
    <t>723069-93753-2012.gz</t>
  </si>
  <si>
    <t>724286-93824-2007.gz</t>
  </si>
  <si>
    <t>REDHAT</t>
  </si>
  <si>
    <t>MALONE</t>
  </si>
  <si>
    <t>722265-13821-2010.gz</t>
  </si>
  <si>
    <t>RED SHIRT2</t>
  </si>
  <si>
    <t>GREEHBRIDGE</t>
  </si>
  <si>
    <t>727449-04954-2015.gz</t>
  </si>
  <si>
    <t>027 SEALS</t>
  </si>
  <si>
    <t>IVY DALE RD 2</t>
  </si>
  <si>
    <t>FY2000-TIFT-130</t>
  </si>
  <si>
    <t>RUNYAN POND</t>
  </si>
  <si>
    <t>722053-12841-2007.gz</t>
  </si>
  <si>
    <t>MS0    0909-5740207014</t>
  </si>
  <si>
    <t>OLD GARNER</t>
  </si>
  <si>
    <t>723034-93747-2013.gz</t>
  </si>
  <si>
    <t>722284-03892-2010.gz</t>
  </si>
  <si>
    <t>BRADY GATE #3</t>
  </si>
  <si>
    <t>I-20</t>
  </si>
  <si>
    <t>LEATHERWOOD HOLLOW RD</t>
  </si>
  <si>
    <t>BEARCUB #1</t>
  </si>
  <si>
    <t>BEEN A DAY</t>
  </si>
  <si>
    <t>UNIT O-4</t>
  </si>
  <si>
    <t>DOBBS</t>
  </si>
  <si>
    <t>HENDERSON - 7087</t>
  </si>
  <si>
    <t>JOURNEY  (O4)</t>
  </si>
  <si>
    <t>FY2012-POLK-010</t>
  </si>
  <si>
    <t>JOE WALKER RD</t>
  </si>
  <si>
    <t>EUREKA 26</t>
  </si>
  <si>
    <t>WIN20</t>
  </si>
  <si>
    <t>ECR-20141213-003</t>
  </si>
  <si>
    <t>726558-99999-2003.gz</t>
  </si>
  <si>
    <t>ROVER</t>
  </si>
  <si>
    <t>726516-24024-2008.gz</t>
  </si>
  <si>
    <t>NATTY #3</t>
  </si>
  <si>
    <t>SPRING VALLEY CT</t>
  </si>
  <si>
    <t>720261-53976-2013.gz</t>
  </si>
  <si>
    <t>MONROE HILL</t>
  </si>
  <si>
    <t xml:space="preserve">PEORIA                   </t>
  </si>
  <si>
    <t>DOWNING HOLLOW</t>
  </si>
  <si>
    <t>HAWK RD 2</t>
  </si>
  <si>
    <t>727810-24243-1998.gz</t>
  </si>
  <si>
    <t>MOLIDOR RX FIRE</t>
  </si>
  <si>
    <t>SWING FIRE</t>
  </si>
  <si>
    <t>727505-04929-2009.gz</t>
  </si>
  <si>
    <t>ANIUK RIVER 1</t>
  </si>
  <si>
    <t>701718-26551-2011.gz</t>
  </si>
  <si>
    <t>FY2003-TALBOT-002</t>
  </si>
  <si>
    <t>2013-284</t>
  </si>
  <si>
    <t>GARCIA</t>
  </si>
  <si>
    <t>GINGERBRD</t>
  </si>
  <si>
    <t>16  SAWPIT RD 1   FIRE-2010-07-0299</t>
  </si>
  <si>
    <t>DOC'S CABIN</t>
  </si>
  <si>
    <t xml:space="preserve">EEL                      </t>
  </si>
  <si>
    <t>CLIFTON WAR</t>
  </si>
  <si>
    <t>DUCK FIRE</t>
  </si>
  <si>
    <t>BUD FIRE</t>
  </si>
  <si>
    <t>MR DONT</t>
  </si>
  <si>
    <t>HUNTERS D</t>
  </si>
  <si>
    <t>WILL DODD ROAD FIRE</t>
  </si>
  <si>
    <t>HYDE</t>
  </si>
  <si>
    <t>ROCK HOUSE MTN.</t>
  </si>
  <si>
    <t>726883-99999-2002.gz</t>
  </si>
  <si>
    <t>722247-54785-2013.gz</t>
  </si>
  <si>
    <t>BRUSH AND GRASS FIRE</t>
  </si>
  <si>
    <t>722593-03985-2010.gz</t>
  </si>
  <si>
    <t>200 COLLINS RD</t>
  </si>
  <si>
    <t>745966-99999-2001.gz</t>
  </si>
  <si>
    <t>HINCH MTN RD</t>
  </si>
  <si>
    <t>ROLLEM FORK</t>
  </si>
  <si>
    <t>FY2011-LAURENS-143</t>
  </si>
  <si>
    <t>BELL #1</t>
  </si>
  <si>
    <t>722486-13942-2014.gz</t>
  </si>
  <si>
    <t>MS0    0808-3341117002</t>
  </si>
  <si>
    <t>NEW HOPE #</t>
  </si>
  <si>
    <t>720455-00145-2012.gz</t>
  </si>
  <si>
    <t>STILLWATER DR. (67)</t>
  </si>
  <si>
    <t>725533-94957-2015.gz</t>
  </si>
  <si>
    <t>NOR-20150214-013</t>
  </si>
  <si>
    <t>STARBURST TRAIL</t>
  </si>
  <si>
    <t xml:space="preserve">SPRUNGER                 </t>
  </si>
  <si>
    <t>SARA CROW</t>
  </si>
  <si>
    <t>723065-13783-2007.gz</t>
  </si>
  <si>
    <t>722710-93045-1992.gz</t>
  </si>
  <si>
    <t xml:space="preserve">HODGE                    </t>
  </si>
  <si>
    <t>TRACK FORK</t>
  </si>
  <si>
    <t>BLACKBURN</t>
  </si>
  <si>
    <t xml:space="preserve">LINGENFELLER             </t>
  </si>
  <si>
    <t>LA ROZETA</t>
  </si>
  <si>
    <t>785140-11603-2008.gz</t>
  </si>
  <si>
    <t>COTTON PATCH RD</t>
  </si>
  <si>
    <t>FY2000-JENKINS-056</t>
  </si>
  <si>
    <t>CITY FIRE #1</t>
  </si>
  <si>
    <t xml:space="preserve">RICHARD                  </t>
  </si>
  <si>
    <t>JANIS II</t>
  </si>
  <si>
    <t>RAY MESA</t>
  </si>
  <si>
    <t>724776-99999-2002.gz</t>
  </si>
  <si>
    <t>ADAIR 4</t>
  </si>
  <si>
    <t>AMITY HILL</t>
  </si>
  <si>
    <t>723156-99999-2002.gz</t>
  </si>
  <si>
    <t>LOGTOWN</t>
  </si>
  <si>
    <t>725763-99999-2005.gz</t>
  </si>
  <si>
    <t>PALM 4</t>
  </si>
  <si>
    <t>MS0    0909-4550115005</t>
  </si>
  <si>
    <t>BEARTREE RUN</t>
  </si>
  <si>
    <t>SALLY RIDGE</t>
  </si>
  <si>
    <t>GREENLEAF</t>
  </si>
  <si>
    <t xml:space="preserve">CHANDLER                 </t>
  </si>
  <si>
    <t>COAL CITY HOLLOW</t>
  </si>
  <si>
    <t>BEAR GULCH</t>
  </si>
  <si>
    <t>724680-94015-2004.gz</t>
  </si>
  <si>
    <t>ASSISTED DEVINE</t>
  </si>
  <si>
    <t>SASCO</t>
  </si>
  <si>
    <t>BRANCH ROAD</t>
  </si>
  <si>
    <t>COFFEY RD  (22)</t>
  </si>
  <si>
    <t>MARION</t>
  </si>
  <si>
    <t>MCCORMACK LAKE</t>
  </si>
  <si>
    <t>SWINK</t>
  </si>
  <si>
    <t>722486-13942-2012.gz</t>
  </si>
  <si>
    <t>723123-14886-2007.gz</t>
  </si>
  <si>
    <t xml:space="preserve">UMPHRESS                 </t>
  </si>
  <si>
    <t>9.1FIRE</t>
  </si>
  <si>
    <t>OTA 10</t>
  </si>
  <si>
    <t>GRASS FIRE FCR 862</t>
  </si>
  <si>
    <t>WATERTWR 2</t>
  </si>
  <si>
    <t xml:space="preserve">HORD                     </t>
  </si>
  <si>
    <t>BERRY CREEK</t>
  </si>
  <si>
    <t>722061-03038-2006.gz</t>
  </si>
  <si>
    <t>727475-99999-2003.gz</t>
  </si>
  <si>
    <t>WALKER#2</t>
  </si>
  <si>
    <t>UNIT4-N</t>
  </si>
  <si>
    <t>727675-94011-1994.gz</t>
  </si>
  <si>
    <t>IRISH RIDGE</t>
  </si>
  <si>
    <t>724275-14894-2001.gz</t>
  </si>
  <si>
    <t>NANCY</t>
  </si>
  <si>
    <t>OWENS BAY</t>
  </si>
  <si>
    <t>BARRY OAK</t>
  </si>
  <si>
    <t>CRAYFISH</t>
  </si>
  <si>
    <t>LOVES BRANCH</t>
  </si>
  <si>
    <t>BOREALIS</t>
  </si>
  <si>
    <t>727937-99999-1997.gz</t>
  </si>
  <si>
    <t>MS0    0808-3640317007</t>
  </si>
  <si>
    <t>REDWOOD GROVE #1</t>
  </si>
  <si>
    <t>EL RANCHO ST FIRE</t>
  </si>
  <si>
    <t>SEYLOR VAL</t>
  </si>
  <si>
    <t>015-088</t>
  </si>
  <si>
    <t>GRAVES FIRE</t>
  </si>
  <si>
    <t>QUIEN</t>
  </si>
  <si>
    <t>724917-23233-2007.gz</t>
  </si>
  <si>
    <t>OROSCO</t>
  </si>
  <si>
    <t>726561-99999-2004.gz</t>
  </si>
  <si>
    <t>UPS</t>
  </si>
  <si>
    <t>727686-94017-2008.gz</t>
  </si>
  <si>
    <t>07152009   (239 W.)</t>
  </si>
  <si>
    <t>FERGUSON BRANCH RAOD</t>
  </si>
  <si>
    <t>STONECOAL BRANCH ROAD</t>
  </si>
  <si>
    <t>RIO GRANDE CO ASSIST</t>
  </si>
  <si>
    <t>OUTFALL CANAL FIRE</t>
  </si>
  <si>
    <t>723040-99999-1998.gz</t>
  </si>
  <si>
    <t>13-0570013</t>
  </si>
  <si>
    <t>722563-53952-2013.gz</t>
  </si>
  <si>
    <t>SER-20140311-001</t>
  </si>
  <si>
    <t>722124-04998-2008.gz</t>
  </si>
  <si>
    <t>LIDDY</t>
  </si>
  <si>
    <t>724503-99999-2000.gz</t>
  </si>
  <si>
    <t>LINDEN - 625</t>
  </si>
  <si>
    <t>MT EMMA</t>
  </si>
  <si>
    <t>LOWER POMPEY</t>
  </si>
  <si>
    <t>CIGARETTE ROCK</t>
  </si>
  <si>
    <t>NULATO R N</t>
  </si>
  <si>
    <t>722319-53943-2007.gz</t>
  </si>
  <si>
    <t>WILLOW  (31)</t>
  </si>
  <si>
    <t>747930-12843-2015.gz</t>
  </si>
  <si>
    <t>COTTON BALES</t>
  </si>
  <si>
    <t>IPCO FIRE</t>
  </si>
  <si>
    <t>NORWOOD</t>
  </si>
  <si>
    <t>727533-99999-2004.gz</t>
  </si>
  <si>
    <t>ECR-20121029-005</t>
  </si>
  <si>
    <t>722197-53819-2007.gz</t>
  </si>
  <si>
    <t>SUPPER</t>
  </si>
  <si>
    <t>TRAILHEAD</t>
  </si>
  <si>
    <t>INDIAN RIDGE</t>
  </si>
  <si>
    <t>FY2015-LONG-015</t>
  </si>
  <si>
    <t>722090-03875-2014.gz</t>
  </si>
  <si>
    <t>NEDDIE KNOB</t>
  </si>
  <si>
    <t>GLADE</t>
  </si>
  <si>
    <t xml:space="preserve">HORSE CK </t>
  </si>
  <si>
    <t>ONEOSIX</t>
  </si>
  <si>
    <t>723895-23149-2014.gz</t>
  </si>
  <si>
    <t>SOUTH VOTLER</t>
  </si>
  <si>
    <t>CEDAR KNOL</t>
  </si>
  <si>
    <t>JESUS SAVES</t>
  </si>
  <si>
    <t>C4WF2</t>
  </si>
  <si>
    <t>724017-03707-2008.gz</t>
  </si>
  <si>
    <t>2607 SHADY PINES RD</t>
  </si>
  <si>
    <t>PANTHER ROAD</t>
  </si>
  <si>
    <t>WASHER HILL</t>
  </si>
  <si>
    <t>725165-99999-2002.gz</t>
  </si>
  <si>
    <t>HANGING ROCK</t>
  </si>
  <si>
    <t>PRONG</t>
  </si>
  <si>
    <t>722030-12844-2003.gz</t>
  </si>
  <si>
    <t>BLOSSBURG</t>
  </si>
  <si>
    <t>BALD EAGLE</t>
  </si>
  <si>
    <t>SHAGBARK DRIVE</t>
  </si>
  <si>
    <t xml:space="preserve">GRIZZLEY LIGHTNING FIRE  </t>
  </si>
  <si>
    <t>701748-99999-1993.gz</t>
  </si>
  <si>
    <t>215 AVE</t>
  </si>
  <si>
    <t>722448-13972-2015.gz</t>
  </si>
  <si>
    <t>13-2013</t>
  </si>
  <si>
    <t>FY2002-CATOOSA-041</t>
  </si>
  <si>
    <t>WABASH FIRRE</t>
  </si>
  <si>
    <t>5730 US HWY 183 N.</t>
  </si>
  <si>
    <t>LEHMAN FIRE</t>
  </si>
  <si>
    <t>MS0    0808-2080322003</t>
  </si>
  <si>
    <t>MS0    1010-1360221013</t>
  </si>
  <si>
    <t>BEAN TWO WFU</t>
  </si>
  <si>
    <t>727834-24136-2008.gz</t>
  </si>
  <si>
    <t>MS0    1010-3331229015</t>
  </si>
  <si>
    <t>HWY 299  E/ BLACK RANCH R</t>
  </si>
  <si>
    <t>FY2012-EMANUEL-058</t>
  </si>
  <si>
    <t>EMERSON ROAD FIRE</t>
  </si>
  <si>
    <t>726436-94930-2014.gz</t>
  </si>
  <si>
    <t>720345-94086-2013.gz</t>
  </si>
  <si>
    <t>722620-23055-2003.gz</t>
  </si>
  <si>
    <t>SANOSTEE2</t>
  </si>
  <si>
    <t>KRUEGER FIRE</t>
  </si>
  <si>
    <t>08-BABCOCK RANCH FIRE-0314</t>
  </si>
  <si>
    <t>NER-20130328-002</t>
  </si>
  <si>
    <t>WEST ISLAND</t>
  </si>
  <si>
    <t>724347-53904-2014.gz</t>
  </si>
  <si>
    <t>723250-03847-2005.gz</t>
  </si>
  <si>
    <t>EYE FIRE</t>
  </si>
  <si>
    <t>725750-24126-2011.gz</t>
  </si>
  <si>
    <t>BLACKWELL HOLLOW RD</t>
  </si>
  <si>
    <t>NEW YORK DUDE FIRE</t>
  </si>
  <si>
    <t>LEVY/CHUNKY POND FIRE</t>
  </si>
  <si>
    <t>1160-190</t>
  </si>
  <si>
    <t>BASKETBALL</t>
  </si>
  <si>
    <t>COPLEY TRACE</t>
  </si>
  <si>
    <t>727675-94011-1992.gz</t>
  </si>
  <si>
    <t>NINEMILE CREEK</t>
  </si>
  <si>
    <t xml:space="preserve">LAURELES                 </t>
  </si>
  <si>
    <t>724915-23259-2008.gz</t>
  </si>
  <si>
    <t>SE MAGNUM</t>
  </si>
  <si>
    <t>SNAG CITY</t>
  </si>
  <si>
    <t>723117-53871-2010.gz</t>
  </si>
  <si>
    <t>725128-99999-2002.gz</t>
  </si>
  <si>
    <t>BSFMU STEELE</t>
  </si>
  <si>
    <t>744864-99999-2004.gz</t>
  </si>
  <si>
    <t>PLEASANT VIEW RD.</t>
  </si>
  <si>
    <t>MAXWELL</t>
  </si>
  <si>
    <t>BLACKBIRD</t>
  </si>
  <si>
    <t>RAPTOR</t>
  </si>
  <si>
    <t>725864-94182-2010.gz</t>
  </si>
  <si>
    <t>FY2012-ATKINSON-019</t>
  </si>
  <si>
    <t>BOR 1</t>
  </si>
  <si>
    <t>TEMBLOR</t>
  </si>
  <si>
    <t>NUBBINS RIDGE</t>
  </si>
  <si>
    <t>FASHBY</t>
  </si>
  <si>
    <t xml:space="preserve">PG&amp;E #4                  </t>
  </si>
  <si>
    <t>725157-99999-2002.gz</t>
  </si>
  <si>
    <t>HAY CREEK</t>
  </si>
  <si>
    <t>WINTERS FIRE</t>
  </si>
  <si>
    <t>MUD SPRING</t>
  </si>
  <si>
    <t>727497-04984-2010.gz</t>
  </si>
  <si>
    <t>COUNTY LINE (22)</t>
  </si>
  <si>
    <t>CR268/US84</t>
  </si>
  <si>
    <t>RYAN</t>
  </si>
  <si>
    <t>690150-93121-1996.gz</t>
  </si>
  <si>
    <t>CROWN POINT RD</t>
  </si>
  <si>
    <t>JOHNSON RD.#3</t>
  </si>
  <si>
    <t>SCOTT PV15</t>
  </si>
  <si>
    <t>722506-12959-2002.gz</t>
  </si>
  <si>
    <t>RENEKE</t>
  </si>
  <si>
    <t>DOG VALLEY PEAK</t>
  </si>
  <si>
    <t>MS0    0909-4460115001</t>
  </si>
  <si>
    <t>BOWEN CREEK</t>
  </si>
  <si>
    <t>STAPPER FIRE</t>
  </si>
  <si>
    <t>THREET</t>
  </si>
  <si>
    <t>CRANE SPGS</t>
  </si>
  <si>
    <t>725825-24121-1994.gz</t>
  </si>
  <si>
    <t>725327-99999-2002.gz</t>
  </si>
  <si>
    <t>724550-13947-2014.gz</t>
  </si>
  <si>
    <t>LIZZIE SPR</t>
  </si>
  <si>
    <t>725084-99999-1999.gz</t>
  </si>
  <si>
    <t>723747-03101-2011.gz</t>
  </si>
  <si>
    <t>DRYCOULEE</t>
  </si>
  <si>
    <t>WOODPECKER</t>
  </si>
  <si>
    <t>723448-99999-2001.gz</t>
  </si>
  <si>
    <t>118650-02222-02202015-1158</t>
  </si>
  <si>
    <t>720636-00222-2015.gz</t>
  </si>
  <si>
    <t>NICKELS</t>
  </si>
  <si>
    <t>727680-94008-2008.gz</t>
  </si>
  <si>
    <t>CHIMNEY 3</t>
  </si>
  <si>
    <t>723895-23149-2013.gz</t>
  </si>
  <si>
    <t>HEAVENER</t>
  </si>
  <si>
    <t>AMERICAN PEAT</t>
  </si>
  <si>
    <t>WEST MOUNTAIN</t>
  </si>
  <si>
    <t>JOYCE</t>
  </si>
  <si>
    <t>2013-0060</t>
  </si>
  <si>
    <t>744104-14763-2012.gz</t>
  </si>
  <si>
    <t>SULPHER SPRINGS FIRE</t>
  </si>
  <si>
    <t>724354-63815-2014.gz</t>
  </si>
  <si>
    <t>UXO AREA</t>
  </si>
  <si>
    <t>BRITTNEY LN.</t>
  </si>
  <si>
    <t>GRINKE ROAD FIRE</t>
  </si>
  <si>
    <t>HARROLD</t>
  </si>
  <si>
    <t>CHARLIE HOLLOW</t>
  </si>
  <si>
    <t>FY2012-CATOOSA-011</t>
  </si>
  <si>
    <t>LIL TURDS</t>
  </si>
  <si>
    <t>726517-94039-2009.gz</t>
  </si>
  <si>
    <t>FY2016-BAKER-003</t>
  </si>
  <si>
    <t>DEL99</t>
  </si>
  <si>
    <t>87S/16MILES</t>
  </si>
  <si>
    <t>HARPER</t>
  </si>
  <si>
    <t>NOR-20131220-001</t>
  </si>
  <si>
    <t>723231-63883-2013.gz</t>
  </si>
  <si>
    <t>I-10 NEAR MP164</t>
  </si>
  <si>
    <t>NO VEGETABLES</t>
  </si>
  <si>
    <t xml:space="preserve">NORRIS                   </t>
  </si>
  <si>
    <t>MS0    1111-4460128007</t>
  </si>
  <si>
    <t>722030-12844-1992.gz</t>
  </si>
  <si>
    <t>2015-75-05</t>
  </si>
  <si>
    <t>SASSE</t>
  </si>
  <si>
    <t>PLOW IT ROY</t>
  </si>
  <si>
    <t>726419-94929-2010.gz</t>
  </si>
  <si>
    <t>BLACKWATER</t>
  </si>
  <si>
    <t>ORR</t>
  </si>
  <si>
    <t>TUNNEL HOLLOW</t>
  </si>
  <si>
    <t>724105-93760-2010.gz</t>
  </si>
  <si>
    <t>KRESBACH THREAT</t>
  </si>
  <si>
    <t>13-0298</t>
  </si>
  <si>
    <t>BARBERO</t>
  </si>
  <si>
    <t>725488-04955-2009.gz</t>
  </si>
  <si>
    <t>SPURGEON</t>
  </si>
  <si>
    <t>1261 ETHIER RD</t>
  </si>
  <si>
    <t>SPURG IS BACK</t>
  </si>
  <si>
    <t>TYPHOID</t>
  </si>
  <si>
    <t>724755-93129-2008.gz</t>
  </si>
  <si>
    <t>725220-14750-2015.gz</t>
  </si>
  <si>
    <t>POND LILY</t>
  </si>
  <si>
    <t>720405-00436-2011.gz</t>
  </si>
  <si>
    <t xml:space="preserve">PG&amp;E #2                  </t>
  </si>
  <si>
    <t>FY2011-PIKE-020</t>
  </si>
  <si>
    <t>HOLLY CREEK</t>
  </si>
  <si>
    <t>GABRIEL</t>
  </si>
  <si>
    <t>747043-99999-1998.gz</t>
  </si>
  <si>
    <t>JC</t>
  </si>
  <si>
    <t xml:space="preserve">SANDERS #2               </t>
  </si>
  <si>
    <t>727856-99999-1994.gz</t>
  </si>
  <si>
    <t>010 GOVERNMENT POND</t>
  </si>
  <si>
    <t>GRASS FIRE--ASSIST IFD</t>
  </si>
  <si>
    <t>SPEARMAN ROAD</t>
  </si>
  <si>
    <t>723100-13883-1991.gz</t>
  </si>
  <si>
    <t>BROWN   TYE</t>
  </si>
  <si>
    <t>INWOOD</t>
  </si>
  <si>
    <t>724066-99999-1995.gz</t>
  </si>
  <si>
    <t>JUNCTION FIRE</t>
  </si>
  <si>
    <t>MCCOY</t>
  </si>
  <si>
    <t>726404-99999-1993.gz</t>
  </si>
  <si>
    <t>723700-93167-2003.gz</t>
  </si>
  <si>
    <t>FY2012-WILKES-016</t>
  </si>
  <si>
    <t>10000FT</t>
  </si>
  <si>
    <t>RUSTAD LAKE NORTH</t>
  </si>
  <si>
    <t>727457-94962-2014.gz</t>
  </si>
  <si>
    <t>720537-00163-2010.gz</t>
  </si>
  <si>
    <t xml:space="preserve">BAXLEY                   </t>
  </si>
  <si>
    <t xml:space="preserve">ROBINSON                 </t>
  </si>
  <si>
    <t>CR 2101 GRASS</t>
  </si>
  <si>
    <t>GARY HALL</t>
  </si>
  <si>
    <t>722637-93046-2012.gz</t>
  </si>
  <si>
    <t>FLEMING MILL ROAD #2</t>
  </si>
  <si>
    <t>HACKWORTH</t>
  </si>
  <si>
    <t>FY2000-CHEROKEE-063</t>
  </si>
  <si>
    <t>I 45 189 SB</t>
  </si>
  <si>
    <t>CUT-OFF FIRE</t>
  </si>
  <si>
    <t>EDWARDS FIRE</t>
  </si>
  <si>
    <t>723074-99999-2004.gz</t>
  </si>
  <si>
    <t>723340-13893-2005.gz</t>
  </si>
  <si>
    <t>PALOMARIN</t>
  </si>
  <si>
    <t>726073-99999-1995.gz</t>
  </si>
  <si>
    <t>HILLCREST</t>
  </si>
  <si>
    <t>COVE VIEW</t>
  </si>
  <si>
    <t>FY2001-MCINTOSH-089</t>
  </si>
  <si>
    <t>RATTLE  SNAKE FIRE</t>
  </si>
  <si>
    <t>5-MILE</t>
  </si>
  <si>
    <t>ROGERS R N</t>
  </si>
  <si>
    <t>COON</t>
  </si>
  <si>
    <t>UNGALIKTHIUK</t>
  </si>
  <si>
    <t>703606-25629-2015.gz</t>
  </si>
  <si>
    <t xml:space="preserve">BUTTERFIELD              </t>
  </si>
  <si>
    <t>KIDS</t>
  </si>
  <si>
    <t>723625-93057-2001.gz</t>
  </si>
  <si>
    <t>723895-23149-2012.gz</t>
  </si>
  <si>
    <t>ELSIE'S ALLY</t>
  </si>
  <si>
    <t>LUCAS</t>
  </si>
  <si>
    <t xml:space="preserve">CABEUOO2687              </t>
  </si>
  <si>
    <t>724917-23233-2005.gz</t>
  </si>
  <si>
    <t>722030-12844-1998.gz</t>
  </si>
  <si>
    <t>DINGESS RUN</t>
  </si>
  <si>
    <t>BLACKFEET FIRE</t>
  </si>
  <si>
    <t>THORPE ROAD</t>
  </si>
  <si>
    <t>FY2014-DOUGHERTY-004</t>
  </si>
  <si>
    <t>722160-13869-2014.gz</t>
  </si>
  <si>
    <t>CUT FENCE</t>
  </si>
  <si>
    <t>DELAWARE</t>
  </si>
  <si>
    <t>FY2003-HANCOCK-006</t>
  </si>
  <si>
    <t>TOM FOLLEY</t>
  </si>
  <si>
    <t>LOCKHART</t>
  </si>
  <si>
    <t xml:space="preserve">LAVA                     </t>
  </si>
  <si>
    <t>SCHULTZ LAKE</t>
  </si>
  <si>
    <t>LGHTNG STRIKE-1</t>
  </si>
  <si>
    <t>743700-99999-2004.gz</t>
  </si>
  <si>
    <t>SENIOR#2</t>
  </si>
  <si>
    <t>FY2002-BRYAN NORTH-037</t>
  </si>
  <si>
    <t>R2013-06-86</t>
  </si>
  <si>
    <t>723194-53872-2008.gz</t>
  </si>
  <si>
    <t>GET HOME</t>
  </si>
  <si>
    <t>727640-24011-2004.gz</t>
  </si>
  <si>
    <t>SPIKE HILL # 2</t>
  </si>
  <si>
    <t>MARY RONAN</t>
  </si>
  <si>
    <t>PLT #1</t>
  </si>
  <si>
    <t>CAUBLE ROAD</t>
  </si>
  <si>
    <t>723156-99999-2004.gz</t>
  </si>
  <si>
    <t>FOUR LANE</t>
  </si>
  <si>
    <t>MEDICINE ROCK #1</t>
  </si>
  <si>
    <t>727720-24144-1993.gz</t>
  </si>
  <si>
    <t>723174-93783-2008.gz</t>
  </si>
  <si>
    <t>PRINCE</t>
  </si>
  <si>
    <t>CONWAY</t>
  </si>
  <si>
    <t>PEACEFUL LANE GRASS FIRE</t>
  </si>
  <si>
    <t xml:space="preserve">HUDDLESTON ISLAND (53) </t>
  </si>
  <si>
    <t>FY2011-TREUTLEN-089</t>
  </si>
  <si>
    <t>A1307010</t>
  </si>
  <si>
    <t>997283-99999-2010.gz</t>
  </si>
  <si>
    <t>MUD RIVER</t>
  </si>
  <si>
    <t>WHITMORE</t>
  </si>
  <si>
    <t>722193-03722-2009.gz</t>
  </si>
  <si>
    <t>994460-99999-2004.gz</t>
  </si>
  <si>
    <t>WATKINS</t>
  </si>
  <si>
    <t>ROY RD  (18)</t>
  </si>
  <si>
    <t>LEWIS-KEMP CIRCLE</t>
  </si>
  <si>
    <t>723146-53892-2011.gz</t>
  </si>
  <si>
    <t>GULL ROCK</t>
  </si>
  <si>
    <t>DANIEL LANE</t>
  </si>
  <si>
    <t>FY2014-RICHMOND-029</t>
  </si>
  <si>
    <t>FY2013-CARROLL-008</t>
  </si>
  <si>
    <t>723118-53850-2014.gz</t>
  </si>
  <si>
    <t>RL366</t>
  </si>
  <si>
    <t>DRY BREAD HOLLOW</t>
  </si>
  <si>
    <t>725775-04111-2001.gz</t>
  </si>
  <si>
    <t>CALFEX COMPLEX</t>
  </si>
  <si>
    <t>724550-13947-2012.gz</t>
  </si>
  <si>
    <t>724107-53895-2015.gz</t>
  </si>
  <si>
    <t>VULTURE</t>
  </si>
  <si>
    <t>MARTIN</t>
  </si>
  <si>
    <t>LINDSLEY PLACE</t>
  </si>
  <si>
    <t>FY2013-WORTH-019</t>
  </si>
  <si>
    <t>720712-00250-2013.gz</t>
  </si>
  <si>
    <t>726064-64709-2008.gz</t>
  </si>
  <si>
    <t>TWENTY FIVE</t>
  </si>
  <si>
    <t>BADGER</t>
  </si>
  <si>
    <t>GRASS FIRE HWY 277</t>
  </si>
  <si>
    <t>FORREST</t>
  </si>
  <si>
    <t>FAY</t>
  </si>
  <si>
    <t>723750-03103-2006.gz</t>
  </si>
  <si>
    <t>723446-13971-1998.gz</t>
  </si>
  <si>
    <t>722183-04972-2007.gz</t>
  </si>
  <si>
    <t>HEART CLCH</t>
  </si>
  <si>
    <t>WATERHOLE 1 &amp; 2</t>
  </si>
  <si>
    <t xml:space="preserve">128/CMD8/CDFTAC2         </t>
  </si>
  <si>
    <t>725905-23275-2007.gz</t>
  </si>
  <si>
    <t>VUNDIK LAK</t>
  </si>
  <si>
    <t>MILL CREEK #2</t>
  </si>
  <si>
    <t>723144-53890-2010.gz</t>
  </si>
  <si>
    <t>I90</t>
  </si>
  <si>
    <t>RATTLESNK</t>
  </si>
  <si>
    <t>RICHARDSON ROAD</t>
  </si>
  <si>
    <t>745985-63806-2014.gz</t>
  </si>
  <si>
    <t>GOAT LADY</t>
  </si>
  <si>
    <t>EASTMANS</t>
  </si>
  <si>
    <t>727533-99999-2003.gz</t>
  </si>
  <si>
    <t>RANSACK</t>
  </si>
  <si>
    <t>727517-04932-2011.gz</t>
  </si>
  <si>
    <t>CC</t>
  </si>
  <si>
    <t>1760 DOGTOWN ROAD</t>
  </si>
  <si>
    <t>JELSMA 2013 - 10</t>
  </si>
  <si>
    <t>726545-94950-2013.gz</t>
  </si>
  <si>
    <t>91 BOULDER FLATS</t>
  </si>
  <si>
    <t>725760-24021-2011.gz</t>
  </si>
  <si>
    <t>IAQUA</t>
  </si>
  <si>
    <t>749485-00396-2014.gz</t>
  </si>
  <si>
    <t>CURTIS HOLLOW</t>
  </si>
  <si>
    <t>FY2000-CRISP-071</t>
  </si>
  <si>
    <t>BIGGIN</t>
  </si>
  <si>
    <t>11-0000473</t>
  </si>
  <si>
    <t>722436-12906-2011.gz</t>
  </si>
  <si>
    <t>117310-05161-01242015-1041</t>
  </si>
  <si>
    <t>FISH TRAP</t>
  </si>
  <si>
    <t xml:space="preserve">MATAGUAY                 </t>
  </si>
  <si>
    <t xml:space="preserve">WILSON                   </t>
  </si>
  <si>
    <t>727830-24149-2002.gz</t>
  </si>
  <si>
    <t>10-10250</t>
  </si>
  <si>
    <t>722535-12909-2010.gz</t>
  </si>
  <si>
    <t>PLAINS</t>
  </si>
  <si>
    <t>FY2002-EARLY-022</t>
  </si>
  <si>
    <t>HIWAY</t>
  </si>
  <si>
    <t>722710-93045-1997.gz</t>
  </si>
  <si>
    <t>722469-99999-2002.gz</t>
  </si>
  <si>
    <t>749485-00396-2013.gz</t>
  </si>
  <si>
    <t>BLOODY</t>
  </si>
  <si>
    <t>724646-99999-2003.gz</t>
  </si>
  <si>
    <t>RATLESNAKE</t>
  </si>
  <si>
    <t>FY2000-THOMAS-074</t>
  </si>
  <si>
    <t>HENDERSON - 090</t>
  </si>
  <si>
    <t>RYGEB</t>
  </si>
  <si>
    <t>MAY19-2012</t>
  </si>
  <si>
    <t>WYKOFF RUN</t>
  </si>
  <si>
    <t>725119-54792-2013.gz</t>
  </si>
  <si>
    <t>FAIRGROUNDS</t>
  </si>
  <si>
    <t>724700-93141-2010.gz</t>
  </si>
  <si>
    <t>HARRISBURG FIRE</t>
  </si>
  <si>
    <t>READ RD. FIRE</t>
  </si>
  <si>
    <t>OR21</t>
  </si>
  <si>
    <t>NEW BRITTON HWY</t>
  </si>
  <si>
    <t>NELSON</t>
  </si>
  <si>
    <t>722096-53127-2014.gz</t>
  </si>
  <si>
    <t>CATON</t>
  </si>
  <si>
    <t>FY2000-GILMER-034</t>
  </si>
  <si>
    <t>725036-14757-2011.gz</t>
  </si>
  <si>
    <t>FY2014-SCREVEN-011</t>
  </si>
  <si>
    <t>FY2002-TELFAIR-012</t>
  </si>
  <si>
    <t>COX FIRE</t>
  </si>
  <si>
    <t>SKY RANCH</t>
  </si>
  <si>
    <t>724077-54779-2015.gz</t>
  </si>
  <si>
    <t>IVEY ROAD FIRE</t>
  </si>
  <si>
    <t>FY2012-CHARLTON-026</t>
  </si>
  <si>
    <t>A00023-63890-2012.gz</t>
  </si>
  <si>
    <t>FRONTIER SHORES</t>
  </si>
  <si>
    <t>GREYSTONE</t>
  </si>
  <si>
    <t>VILLAGE</t>
  </si>
  <si>
    <t>MCMANN</t>
  </si>
  <si>
    <t xml:space="preserve">STIMPSON                 </t>
  </si>
  <si>
    <t>724454-93996-2010.gz</t>
  </si>
  <si>
    <t>THREE MILE CREEK</t>
  </si>
  <si>
    <t>ROUTE 30</t>
  </si>
  <si>
    <t>FULLADOS COVE</t>
  </si>
  <si>
    <t>FY2011-MONROE-016</t>
  </si>
  <si>
    <t>MS0    1111-5740610005</t>
  </si>
  <si>
    <t>11500 I-20</t>
  </si>
  <si>
    <t>TWO BEAR RANCH</t>
  </si>
  <si>
    <t>727790-24146-2011.gz</t>
  </si>
  <si>
    <t>724088-99999-2000.gz</t>
  </si>
  <si>
    <t>MAIZE</t>
  </si>
  <si>
    <t>FY2012-GILMER-009</t>
  </si>
  <si>
    <t>FISH CAMP</t>
  </si>
  <si>
    <t>725086-99999-1994.gz</t>
  </si>
  <si>
    <t>EDISON</t>
  </si>
  <si>
    <t>722061-99999-2005.gz</t>
  </si>
  <si>
    <t>SPRECHER FIRE</t>
  </si>
  <si>
    <t>727584-94038-2015.gz</t>
  </si>
  <si>
    <t>726380-94814-2009.gz</t>
  </si>
  <si>
    <t xml:space="preserve">F #10915 3               </t>
  </si>
  <si>
    <t>PHEASENT</t>
  </si>
  <si>
    <t>723663-99999-1998.gz</t>
  </si>
  <si>
    <t>BRAZIL</t>
  </si>
  <si>
    <t>727700-24138-2011.gz</t>
  </si>
  <si>
    <t xml:space="preserve">LIGHT 66                 </t>
  </si>
  <si>
    <t xml:space="preserve">PROTSCHOLD               </t>
  </si>
  <si>
    <t>FOURTEEN</t>
  </si>
  <si>
    <t>TRASH DUMP</t>
  </si>
  <si>
    <t>ROACH</t>
  </si>
  <si>
    <t>724088-13707-1995.gz</t>
  </si>
  <si>
    <t>TEJON</t>
  </si>
  <si>
    <t>720952-99999-2012.gz</t>
  </si>
  <si>
    <t>724459-99999-1991.gz</t>
  </si>
  <si>
    <t>INDIAN FLATS</t>
  </si>
  <si>
    <t>727750-24143-2005.gz</t>
  </si>
  <si>
    <t>722427-12975-2014.gz</t>
  </si>
  <si>
    <t>WAKE UP SAM!</t>
  </si>
  <si>
    <t>KLIKITARIK</t>
  </si>
  <si>
    <t>720382-00123-2015.gz</t>
  </si>
  <si>
    <t>ROCK CREEK FIRE</t>
  </si>
  <si>
    <t>HILSBURY FIRE</t>
  </si>
  <si>
    <t>MS0    0808-6680501001</t>
  </si>
  <si>
    <t>PINECREST LN 475</t>
  </si>
  <si>
    <t>723625-93057-1998.gz</t>
  </si>
  <si>
    <t>BISHOP LANE</t>
  </si>
  <si>
    <t>15TH STREET(01)</t>
  </si>
  <si>
    <t>GREY ROCK</t>
  </si>
  <si>
    <t>724769-94035-2011.gz</t>
  </si>
  <si>
    <t>THRIFTWAY-JEAN</t>
  </si>
  <si>
    <t>FY2000-MILLER-085</t>
  </si>
  <si>
    <t xml:space="preserve">SICK COW (47) </t>
  </si>
  <si>
    <t>BUD</t>
  </si>
  <si>
    <t>DESCHAMPS</t>
  </si>
  <si>
    <t>726685-99999-1998.gz</t>
  </si>
  <si>
    <t xml:space="preserve">MCCABE                   </t>
  </si>
  <si>
    <t>PINEY CRK</t>
  </si>
  <si>
    <t>726654-99999-2003.gz</t>
  </si>
  <si>
    <t>FY2002-DOUGHERTY-012</t>
  </si>
  <si>
    <t>BUCKLE L FIRE</t>
  </si>
  <si>
    <t>723520-13902-1996.gz</t>
  </si>
  <si>
    <t>POWELL HOOKS</t>
  </si>
  <si>
    <t>RED LAKE 109</t>
  </si>
  <si>
    <t>EIGHTMILE RIGHT FORK</t>
  </si>
  <si>
    <t>FY2000-CALHOUN-032</t>
  </si>
  <si>
    <t>MS0    1010-4550306017</t>
  </si>
  <si>
    <t>9-655</t>
  </si>
  <si>
    <t>NADINE ROAD</t>
  </si>
  <si>
    <t>MCNARY</t>
  </si>
  <si>
    <t>FY2011-WORTH-065</t>
  </si>
  <si>
    <t>BERNDT</t>
  </si>
  <si>
    <t>727508-99999-2003.gz</t>
  </si>
  <si>
    <t>2013-0012</t>
  </si>
  <si>
    <t>RED LAKE 145</t>
  </si>
  <si>
    <t>FY2002-LAURENS-159</t>
  </si>
  <si>
    <t>723805-23179-2007.gz</t>
  </si>
  <si>
    <t>FRANK MELVIN RD.</t>
  </si>
  <si>
    <t>MAHANOY RIDGE #1</t>
  </si>
  <si>
    <t>725118-14751-2013.gz</t>
  </si>
  <si>
    <t>MS0    1010-2400307018</t>
  </si>
  <si>
    <t>STRAW</t>
  </si>
  <si>
    <t>746935-99999-2004.gz</t>
  </si>
  <si>
    <t>725810-24193-1997.gz</t>
  </si>
  <si>
    <t>723100-13883-2003.gz</t>
  </si>
  <si>
    <t xml:space="preserve">RATLIFF                  </t>
  </si>
  <si>
    <t>725920-24257-1992.gz</t>
  </si>
  <si>
    <t>FY2001-HEARD-013</t>
  </si>
  <si>
    <t>726384-14817-1993.gz</t>
  </si>
  <si>
    <t>722034-99999-1999.gz</t>
  </si>
  <si>
    <t>SODAK</t>
  </si>
  <si>
    <t>JAY ROMKEMA</t>
  </si>
  <si>
    <t>726525-94911-2011.gz</t>
  </si>
  <si>
    <t>DOG PATCH</t>
  </si>
  <si>
    <t>DERRICK</t>
  </si>
  <si>
    <t>747020-23110-2003.gz</t>
  </si>
  <si>
    <t>ST. JOE FIRE</t>
  </si>
  <si>
    <t>PALOVERDE3</t>
  </si>
  <si>
    <t>VEHICLE ACCIDENT</t>
  </si>
  <si>
    <t>BLUE HOG RANCH</t>
  </si>
  <si>
    <t xml:space="preserve">BURRNET                  </t>
  </si>
  <si>
    <t>FY2014-DODGE-045</t>
  </si>
  <si>
    <t>720597-00190-2011.gz</t>
  </si>
  <si>
    <t>722255-93842-1991.gz</t>
  </si>
  <si>
    <t>DURHAM-DAYTON HWY / OROVI</t>
  </si>
  <si>
    <t>FY2013-JONES-014</t>
  </si>
  <si>
    <t xml:space="preserve">BRYSON 2                 </t>
  </si>
  <si>
    <t>CHRISTIE GARRICK</t>
  </si>
  <si>
    <t>KATES BASIN</t>
  </si>
  <si>
    <t>STUBBLE</t>
  </si>
  <si>
    <t>WRIVERCAN2</t>
  </si>
  <si>
    <t>726665-99999-1993.gz</t>
  </si>
  <si>
    <t>UNION</t>
  </si>
  <si>
    <t>OR-BFZ-2174</t>
  </si>
  <si>
    <t>726830-94185-2004.gz</t>
  </si>
  <si>
    <t>SEA OAKS LOOP</t>
  </si>
  <si>
    <t>994650-99999-2003.gz</t>
  </si>
  <si>
    <t>MS0    1010-3341023006</t>
  </si>
  <si>
    <t>LEFT FORK LITTLE LYNN ROAD</t>
  </si>
  <si>
    <t>GRECHEN LN  ROMO</t>
  </si>
  <si>
    <t>GOSS 2</t>
  </si>
  <si>
    <t>726437-94940-2007.gz</t>
  </si>
  <si>
    <t>MS0    0909-4550625002</t>
  </si>
  <si>
    <t>724088-13707-1997.gz</t>
  </si>
  <si>
    <t>4MCEMETERY</t>
  </si>
  <si>
    <t>722587-99999-1998.gz</t>
  </si>
  <si>
    <t>PAPALOTE</t>
  </si>
  <si>
    <t>MARTIN CREEK</t>
  </si>
  <si>
    <t>726710-24164-2000.gz</t>
  </si>
  <si>
    <t>TRAIL7</t>
  </si>
  <si>
    <t>BEARCLAW</t>
  </si>
  <si>
    <t>MAINTENANCE</t>
  </si>
  <si>
    <t>FY2013-BARTOW-004</t>
  </si>
  <si>
    <t>722109-00355-2012.gz</t>
  </si>
  <si>
    <t xml:space="preserve">ROADSIDE #47             </t>
  </si>
  <si>
    <t>GIBSON</t>
  </si>
  <si>
    <t>720307-63804-2013.gz</t>
  </si>
  <si>
    <t>827 S 3RD AVENUE, AL</t>
  </si>
  <si>
    <t>MS0    0808-3610101003</t>
  </si>
  <si>
    <t>ENTERPRISE FIRE</t>
  </si>
  <si>
    <t>COVE FIRE</t>
  </si>
  <si>
    <t>CRNR BAR</t>
  </si>
  <si>
    <t>726545-94950-2007.gz</t>
  </si>
  <si>
    <t>SKIDDER (22)</t>
  </si>
  <si>
    <t>JUMBO</t>
  </si>
  <si>
    <t>STONEY RUN</t>
  </si>
  <si>
    <t>SKI HILL</t>
  </si>
  <si>
    <t>727833-04114-1999.gz</t>
  </si>
  <si>
    <t>MILE POST 84</t>
  </si>
  <si>
    <t>ROBIN LANE FIRE</t>
  </si>
  <si>
    <t>STEELER RANCH</t>
  </si>
  <si>
    <t>722537-12961-2012.gz</t>
  </si>
  <si>
    <t>SOUTH TOWN</t>
  </si>
  <si>
    <t xml:space="preserve">LANES                    </t>
  </si>
  <si>
    <t>EAST SPRING ST. FIRE</t>
  </si>
  <si>
    <t>724100-13733-1998.gz</t>
  </si>
  <si>
    <t>FLICK CREEK</t>
  </si>
  <si>
    <t>724107-99999-2001.gz</t>
  </si>
  <si>
    <t>723083-13763-2010.gz</t>
  </si>
  <si>
    <t>GAR/FOWLER</t>
  </si>
  <si>
    <t>FY2002-POLK-081</t>
  </si>
  <si>
    <t>717 NORTH</t>
  </si>
  <si>
    <t>FLOWERS LANE</t>
  </si>
  <si>
    <t>4-22-13 GRASSFIRE</t>
  </si>
  <si>
    <t>CAREFREE</t>
  </si>
  <si>
    <t>722784-03184-2010.gz</t>
  </si>
  <si>
    <t>7200 S. I 35</t>
  </si>
  <si>
    <t>13275 GLASS RD.</t>
  </si>
  <si>
    <t>LIVINGSTON 03 - HAY CREEK FIRE</t>
  </si>
  <si>
    <t>725378-04887-2015.gz</t>
  </si>
  <si>
    <t>FLAGPOLE MT. RD, AL</t>
  </si>
  <si>
    <t>PRUIT/ALVEY</t>
  </si>
  <si>
    <t>MEDICINE LODGE</t>
  </si>
  <si>
    <t>BUDDY ROAD (67)</t>
  </si>
  <si>
    <t>722128-53899-2009.gz</t>
  </si>
  <si>
    <t>REECE</t>
  </si>
  <si>
    <t>723177-63807-2013.gz</t>
  </si>
  <si>
    <t>720312-04964-2014.gz</t>
  </si>
  <si>
    <t>LONGVIEW</t>
  </si>
  <si>
    <t>LORI</t>
  </si>
  <si>
    <t>MS0    1010-2040920009</t>
  </si>
  <si>
    <t>NWR-20130514-001</t>
  </si>
  <si>
    <t>723147-53870-2007.gz</t>
  </si>
  <si>
    <t>SCHELL</t>
  </si>
  <si>
    <t>725824-99999-1996.gz</t>
  </si>
  <si>
    <t>722067-63823-2009.gz</t>
  </si>
  <si>
    <t>JAKES MOUNTAIN</t>
  </si>
  <si>
    <t>CEDAR LANE (66)</t>
  </si>
  <si>
    <t>722420-99999-1992.gz</t>
  </si>
  <si>
    <t>STEMPLE RIDGE</t>
  </si>
  <si>
    <t>724233-53841-2007.gz</t>
  </si>
  <si>
    <t xml:space="preserve">FOXTROT                  </t>
  </si>
  <si>
    <t>742077-03763-2006.gz</t>
  </si>
  <si>
    <t>KATE BULLOCK</t>
  </si>
  <si>
    <t>1521 E MAIN</t>
  </si>
  <si>
    <t>HAILE</t>
  </si>
  <si>
    <t>BOYD FIRE</t>
  </si>
  <si>
    <t>FOXTROTTER</t>
  </si>
  <si>
    <t>723439-99999-1999.gz</t>
  </si>
  <si>
    <t>SARASOAP</t>
  </si>
  <si>
    <t>INDIAN CREEK ASSIST</t>
  </si>
  <si>
    <t>TGU SPRING</t>
  </si>
  <si>
    <t>DOAR #3</t>
  </si>
  <si>
    <t>BRISCO MT</t>
  </si>
  <si>
    <t>724077-54779-2010.gz</t>
  </si>
  <si>
    <t>726465-99999-1996.gz</t>
  </si>
  <si>
    <t>LOWER ROCK</t>
  </si>
  <si>
    <t>POLE SHED</t>
  </si>
  <si>
    <t xml:space="preserve">GILLOGLY                 </t>
  </si>
  <si>
    <t>GOODRICH GF</t>
  </si>
  <si>
    <t xml:space="preserve">ENGELHART                </t>
  </si>
  <si>
    <t>FY2002-WASHINGTON-086</t>
  </si>
  <si>
    <t>726452-04826-2015.gz</t>
  </si>
  <si>
    <t xml:space="preserve">TORRES                   </t>
  </si>
  <si>
    <t>RAMSEY SOUTH-TWO</t>
  </si>
  <si>
    <t>ADOBE RD  SLO_CO</t>
  </si>
  <si>
    <t>HANEY</t>
  </si>
  <si>
    <t>SECTION 10 BRIDGE</t>
  </si>
  <si>
    <t>724090-14780-2004.gz</t>
  </si>
  <si>
    <t>110 JEFF DR</t>
  </si>
  <si>
    <t xml:space="preserve">SUNBURST                 </t>
  </si>
  <si>
    <t>PASTURE FIRE</t>
  </si>
  <si>
    <t>UPPER RESERVOIR</t>
  </si>
  <si>
    <t>BOOTH</t>
  </si>
  <si>
    <t>FY2001-JEFF DAVIS-023</t>
  </si>
  <si>
    <t>DRY CANYON</t>
  </si>
  <si>
    <t>720611-00202-2010.gz</t>
  </si>
  <si>
    <t>725565-94951-2010.gz</t>
  </si>
  <si>
    <t>020 TRAILER</t>
  </si>
  <si>
    <t>RL121</t>
  </si>
  <si>
    <t>727476-94961-2003.gz</t>
  </si>
  <si>
    <t>MARTIN HILL</t>
  </si>
  <si>
    <t>725127-04726-2012.gz</t>
  </si>
  <si>
    <t>723676-23048-2009.gz</t>
  </si>
  <si>
    <t>BULL BRANCH</t>
  </si>
  <si>
    <t>FISH CREEK</t>
  </si>
  <si>
    <t>725826-99999-2002.gz</t>
  </si>
  <si>
    <t>FY2013-NEWTON-004</t>
  </si>
  <si>
    <t>747808-63803-2013.gz</t>
  </si>
  <si>
    <t>NE30032B</t>
  </si>
  <si>
    <t>TERRY COOPER</t>
  </si>
  <si>
    <t>TALKALAI TRAIL</t>
  </si>
  <si>
    <t>MS0    1010-5740412001</t>
  </si>
  <si>
    <t>EAST RIDGE</t>
  </si>
  <si>
    <t>CASAGRANDE</t>
  </si>
  <si>
    <t>747300-99999-1999.gz</t>
  </si>
  <si>
    <t>GREEN GRASS VALLEY</t>
  </si>
  <si>
    <t>FY2000-BLECKLEY-039</t>
  </si>
  <si>
    <t>FY2015-EFFINGHAM-020</t>
  </si>
  <si>
    <t>747804-13824-2015.gz</t>
  </si>
  <si>
    <t>BO</t>
  </si>
  <si>
    <t xml:space="preserve">NEWVILLE                 </t>
  </si>
  <si>
    <t>BIG LAKE</t>
  </si>
  <si>
    <t>115 days 00:00:00.000000000</t>
  </si>
  <si>
    <t>703407-26553-2009.gz</t>
  </si>
  <si>
    <t>DOUGLASSVILLE STANDBY</t>
  </si>
  <si>
    <t>WILD HORSE</t>
  </si>
  <si>
    <t>GREENBRIAR</t>
  </si>
  <si>
    <t>4017 GLASS AVE, ST. ANSGAR, IOWA</t>
  </si>
  <si>
    <t>727566-04902-2010.gz</t>
  </si>
  <si>
    <t>STCORRAL</t>
  </si>
  <si>
    <t>724236-03889-1994.gz</t>
  </si>
  <si>
    <t>TURKEY BRANCH HOLLOW</t>
  </si>
  <si>
    <t>FY2002-SCREVEN-108</t>
  </si>
  <si>
    <t>MILE LONG FIELD FIRE</t>
  </si>
  <si>
    <t>EL CAMPO RD.</t>
  </si>
  <si>
    <t>LAWS</t>
  </si>
  <si>
    <t>724556-13989-1993.gz</t>
  </si>
  <si>
    <t>DIXIE CREEK</t>
  </si>
  <si>
    <t>CARY RD / HY 371</t>
  </si>
  <si>
    <t>PENN SCOTT</t>
  </si>
  <si>
    <t>722683-99999-1999.gz</t>
  </si>
  <si>
    <t>HENDERSON</t>
  </si>
  <si>
    <t>BLACKSOIL2</t>
  </si>
  <si>
    <t xml:space="preserve">JOLON RD. #6             </t>
  </si>
  <si>
    <t>ZOELLNER</t>
  </si>
  <si>
    <t>PR 8692  130335</t>
  </si>
  <si>
    <t>ST. ANNES</t>
  </si>
  <si>
    <t>DUKE VEE</t>
  </si>
  <si>
    <t>SUGAR</t>
  </si>
  <si>
    <t xml:space="preserve">ROADSIDE 12120           </t>
  </si>
  <si>
    <t>STATE PARK 5</t>
  </si>
  <si>
    <t>DICKS CREEK</t>
  </si>
  <si>
    <t>FY2003-CLINCH-008</t>
  </si>
  <si>
    <t>722317-13970-2007.gz</t>
  </si>
  <si>
    <t>OPEN FORK</t>
  </si>
  <si>
    <t>US 60 EAST</t>
  </si>
  <si>
    <t>BLONDE&amp;BRONZE</t>
  </si>
  <si>
    <t>8399 HWY 31E</t>
  </si>
  <si>
    <t>FY2011-TAYLOR-029</t>
  </si>
  <si>
    <t>FY2001-BALDWIN-015</t>
  </si>
  <si>
    <t>LATENIGHT</t>
  </si>
  <si>
    <t>720598-00191-2011.gz</t>
  </si>
  <si>
    <t>VODKA</t>
  </si>
  <si>
    <t>722745-99999-2001.gz</t>
  </si>
  <si>
    <t>BAPCHULE</t>
  </si>
  <si>
    <t>LORETTA</t>
  </si>
  <si>
    <t>BRATT</t>
  </si>
  <si>
    <t>724655-93990-2015.gz</t>
  </si>
  <si>
    <t>10-003</t>
  </si>
  <si>
    <t>TH1811</t>
  </si>
  <si>
    <t>CRYSTAL SPRGS.GAMMER</t>
  </si>
  <si>
    <t>723035-99999-1998.gz</t>
  </si>
  <si>
    <t>722683-93083-2015.gz</t>
  </si>
  <si>
    <t>PEYTON CRT. II</t>
  </si>
  <si>
    <t>FY2011-DODGE-098</t>
  </si>
  <si>
    <t xml:space="preserve">BROWN                    </t>
  </si>
  <si>
    <t>724837-99999-2001.gz</t>
  </si>
  <si>
    <t>726064-99999-1999.gz</t>
  </si>
  <si>
    <t>723424-53919-2008.gz</t>
  </si>
  <si>
    <t xml:space="preserve">VIDA IC C/L11 T/W2       </t>
  </si>
  <si>
    <t>MS0    1111-5450301013</t>
  </si>
  <si>
    <t>GRASS WOODS/SIMPSON CEMETERY</t>
  </si>
  <si>
    <t>UNIT 19</t>
  </si>
  <si>
    <t>724620-23061-2015.gz</t>
  </si>
  <si>
    <t>UNNAMED FIRE 3667</t>
  </si>
  <si>
    <t>WOOD DUCK</t>
  </si>
  <si>
    <t>FM 49 @ CR 3270</t>
  </si>
  <si>
    <t>TREEFIRE</t>
  </si>
  <si>
    <t>FALLING LEAF RD, AL</t>
  </si>
  <si>
    <t>MS0    1010-5110319018</t>
  </si>
  <si>
    <t xml:space="preserve">ROCKY INC FIRE #148      </t>
  </si>
  <si>
    <t>723895-23149-2007.gz</t>
  </si>
  <si>
    <t>I84MP239</t>
  </si>
  <si>
    <t>725869-99999-2001.gz</t>
  </si>
  <si>
    <t xml:space="preserve">RINCON #4                </t>
  </si>
  <si>
    <t>BIRCH CRK</t>
  </si>
  <si>
    <t>WIDEN RIDGE ROAD</t>
  </si>
  <si>
    <t xml:space="preserve">BIG PINE BIG_PINE        </t>
  </si>
  <si>
    <t>VEHICLE</t>
  </si>
  <si>
    <t>720864-00290-2014.gz</t>
  </si>
  <si>
    <t>LIVINGSTON - 756</t>
  </si>
  <si>
    <t>ZAP</t>
  </si>
  <si>
    <t>724107-99999-2000.gz</t>
  </si>
  <si>
    <t>BAD BILLY FIRE</t>
  </si>
  <si>
    <t>724836-23208-2007.gz</t>
  </si>
  <si>
    <t>SANTA MARIA</t>
  </si>
  <si>
    <t>GOSHUTEPK</t>
  </si>
  <si>
    <t>725810-99999-2003.gz</t>
  </si>
  <si>
    <t>IH-10</t>
  </si>
  <si>
    <t xml:space="preserve">EDISON #8                </t>
  </si>
  <si>
    <t>ALCONA 01 BLAISDEL</t>
  </si>
  <si>
    <t>LIVE</t>
  </si>
  <si>
    <t>724053-03717-2008.gz</t>
  </si>
  <si>
    <t>WINDY GULCH</t>
  </si>
  <si>
    <t>WINDY NIGHT FIRE</t>
  </si>
  <si>
    <t>HWY 779</t>
  </si>
  <si>
    <t>GARHEB</t>
  </si>
  <si>
    <t>724338-13802-2008.gz</t>
  </si>
  <si>
    <t>PERIGRINE</t>
  </si>
  <si>
    <t>725050-04781-2015.gz</t>
  </si>
  <si>
    <t xml:space="preserve">F#230/HARRIS             </t>
  </si>
  <si>
    <t>RED LAKE 139</t>
  </si>
  <si>
    <t>DRY HOLLOW</t>
  </si>
  <si>
    <t>SURLES RD.</t>
  </si>
  <si>
    <t>SNIPE</t>
  </si>
  <si>
    <t>IR#1571</t>
  </si>
  <si>
    <t>HATLEY FARM RD. TORCH FIR</t>
  </si>
  <si>
    <t xml:space="preserve">LOCUST                   </t>
  </si>
  <si>
    <t>POWERRY</t>
  </si>
  <si>
    <t>MING BEND/ GOOSENECK RD</t>
  </si>
  <si>
    <t>723448-99999-2004.gz</t>
  </si>
  <si>
    <t xml:space="preserve">WEST RIM                 </t>
  </si>
  <si>
    <t>725187-99999-2000.gz</t>
  </si>
  <si>
    <t>PASS THRU (O4)</t>
  </si>
  <si>
    <t>722053-12841-2011.gz</t>
  </si>
  <si>
    <t>925 CO RD 1476, AL</t>
  </si>
  <si>
    <t>BLUE MOUNTAIN SCHOOL</t>
  </si>
  <si>
    <t>SIMMS VALLEY</t>
  </si>
  <si>
    <t>723484-53901-2010.gz</t>
  </si>
  <si>
    <t xml:space="preserve">DAVIES                   </t>
  </si>
  <si>
    <t>HAGADONE</t>
  </si>
  <si>
    <t>727686-99999-1994.gz</t>
  </si>
  <si>
    <t>COW PANEL</t>
  </si>
  <si>
    <t>SNAKEBOY</t>
  </si>
  <si>
    <t>724556-13989-2005.gz</t>
  </si>
  <si>
    <t>722686-99999-2003.gz</t>
  </si>
  <si>
    <t>HWY 80</t>
  </si>
  <si>
    <t>726416-14921-2009.gz</t>
  </si>
  <si>
    <t xml:space="preserve">SAMSON                   </t>
  </si>
  <si>
    <t>724915-23245-1993.gz</t>
  </si>
  <si>
    <t>HARSH</t>
  </si>
  <si>
    <t>AUBERRY</t>
  </si>
  <si>
    <t>HWY 2 (30)</t>
  </si>
  <si>
    <t>BUDDY REAMY ROAD</t>
  </si>
  <si>
    <t>BUTTES</t>
  </si>
  <si>
    <t>FY2016-LONG-002</t>
  </si>
  <si>
    <t>722090-03875-2015.gz</t>
  </si>
  <si>
    <t>FY2002-CHARLTON-026</t>
  </si>
  <si>
    <t>720361-63870-2006.gz</t>
  </si>
  <si>
    <t>A06800-00120-2014.gz</t>
  </si>
  <si>
    <t>726416-14921-2007.gz</t>
  </si>
  <si>
    <t>724175-03802-2009.gz</t>
  </si>
  <si>
    <t>725512-14989-2011.gz</t>
  </si>
  <si>
    <t xml:space="preserve">JEREMY                   </t>
  </si>
  <si>
    <t>NWR-20141030-001</t>
  </si>
  <si>
    <t>PERRY FARM FIRE</t>
  </si>
  <si>
    <t>BETHEL FIRE</t>
  </si>
  <si>
    <t xml:space="preserve">LONE                     </t>
  </si>
  <si>
    <t xml:space="preserve">STATE OF CALIF. #17      </t>
  </si>
  <si>
    <t>SPHINX</t>
  </si>
  <si>
    <t>726797-24132-1999.gz</t>
  </si>
  <si>
    <t>CR432 GRASS FIRE</t>
  </si>
  <si>
    <t>722547-53942-2010.gz</t>
  </si>
  <si>
    <t>COMSTOCK</t>
  </si>
  <si>
    <t xml:space="preserve">BERENDA #6               </t>
  </si>
  <si>
    <t>723273-13827-2013.gz</t>
  </si>
  <si>
    <t>724604-99999-2001.gz</t>
  </si>
  <si>
    <t>LOWER PEACE RIVER (14)</t>
  </si>
  <si>
    <t>JACK LEGRAND</t>
  </si>
  <si>
    <t>726540-14936-2002.gz</t>
  </si>
  <si>
    <t>FM 2225</t>
  </si>
  <si>
    <t>FY2000-BROOKS-073</t>
  </si>
  <si>
    <t>723084-93775-2011.gz</t>
  </si>
  <si>
    <t>PICKETT FENCE RD</t>
  </si>
  <si>
    <t>OT08</t>
  </si>
  <si>
    <t>725527-99999-1995.gz</t>
  </si>
  <si>
    <t>BARWICK</t>
  </si>
  <si>
    <t>FRANKLIN BYPASS #2</t>
  </si>
  <si>
    <t>TOOLBOX</t>
  </si>
  <si>
    <t>BLACKJACK 2</t>
  </si>
  <si>
    <t>FLOWINGWEL</t>
  </si>
  <si>
    <t>LUKE ROAD FIRE</t>
  </si>
  <si>
    <t xml:space="preserve">WOODWARD #1              </t>
  </si>
  <si>
    <t>724920-23237-2003.gz</t>
  </si>
  <si>
    <t>13065 HOUSE BERRY RD., AL</t>
  </si>
  <si>
    <t>722279-53852-2011.gz</t>
  </si>
  <si>
    <t>FAULKNERLN</t>
  </si>
  <si>
    <t>723060-13722-1991.gz</t>
  </si>
  <si>
    <t>FY2012-PULASKI-055</t>
  </si>
  <si>
    <t xml:space="preserve">STATE OF CA.#15          </t>
  </si>
  <si>
    <t>727720-24144-2001.gz</t>
  </si>
  <si>
    <t>SCUDDY</t>
  </si>
  <si>
    <t>SNIPTONCYN</t>
  </si>
  <si>
    <t>FRIDAY NIGHT</t>
  </si>
  <si>
    <t>OPEN WELL</t>
  </si>
  <si>
    <t>723400-03952-2008.gz</t>
  </si>
  <si>
    <t>724110-13741-1998.gz</t>
  </si>
  <si>
    <t>725016-99999-2003.gz</t>
  </si>
  <si>
    <t>723416-99999-2004.gz</t>
  </si>
  <si>
    <t>CLOVERDALE RD / PLACER RD</t>
  </si>
  <si>
    <t>NEW PINA</t>
  </si>
  <si>
    <t>HUNTER FALLS</t>
  </si>
  <si>
    <t>726884-24148-2007.gz</t>
  </si>
  <si>
    <t xml:space="preserve">BOLO                     </t>
  </si>
  <si>
    <t>724837-93216-2015.gz</t>
  </si>
  <si>
    <t>GIL</t>
  </si>
  <si>
    <t>PINK LANE</t>
  </si>
  <si>
    <t>MS0    1010-2491031001</t>
  </si>
  <si>
    <t>HUERO</t>
  </si>
  <si>
    <t>RAVEN RIDGE</t>
  </si>
  <si>
    <t xml:space="preserve">FARLEY                   </t>
  </si>
  <si>
    <t>IZZENHOOD</t>
  </si>
  <si>
    <t>MS0    0808-5030412002</t>
  </si>
  <si>
    <t>EIRR3</t>
  </si>
  <si>
    <t>FY2000-TELFAIR-098</t>
  </si>
  <si>
    <t>HICKORYDALE</t>
  </si>
  <si>
    <t>720258-04997-2007.gz</t>
  </si>
  <si>
    <t>SECOND CHANCE</t>
  </si>
  <si>
    <t xml:space="preserve">WEST SODA ROCK           </t>
  </si>
  <si>
    <t>GAS LINE (05)</t>
  </si>
  <si>
    <t>FY2012-WHEELER-060</t>
  </si>
  <si>
    <t>WOUNDED KNEE FIRE</t>
  </si>
  <si>
    <t>IRONMAID</t>
  </si>
  <si>
    <t>722680-23009-2002.gz</t>
  </si>
  <si>
    <t>MS0    0909-4200512001</t>
  </si>
  <si>
    <t>FY2002-TIFT-035</t>
  </si>
  <si>
    <t>HENDERSON - 184</t>
  </si>
  <si>
    <t xml:space="preserve">MISSION                  </t>
  </si>
  <si>
    <t>724937-99999-2005.gz</t>
  </si>
  <si>
    <t>723449-99999-1992.gz</t>
  </si>
  <si>
    <t>TUG</t>
  </si>
  <si>
    <t xml:space="preserve">SPI#13                   </t>
  </si>
  <si>
    <t>HOGATZA</t>
  </si>
  <si>
    <t>MELVIN</t>
  </si>
  <si>
    <t>722354-99999-2003.gz</t>
  </si>
  <si>
    <t>CAR MART FIRE</t>
  </si>
  <si>
    <t>NDFASSIST7</t>
  </si>
  <si>
    <t>725825-24121-2000.gz</t>
  </si>
  <si>
    <t xml:space="preserve">TABLE#2                  </t>
  </si>
  <si>
    <t>SANDY RIDGE FIRE</t>
  </si>
  <si>
    <t>S WILLOW AV  FRESNO</t>
  </si>
  <si>
    <t>BATTERY</t>
  </si>
  <si>
    <t>726987-99999-1996.gz</t>
  </si>
  <si>
    <t>MEGGERS RD</t>
  </si>
  <si>
    <t>CURLYFRYS</t>
  </si>
  <si>
    <t>HARDT</t>
  </si>
  <si>
    <t>FY2012-JOHNSON-041</t>
  </si>
  <si>
    <t>JOAN</t>
  </si>
  <si>
    <t xml:space="preserve">CLV-119                  </t>
  </si>
  <si>
    <t>EARL1</t>
  </si>
  <si>
    <t xml:space="preserve">"LAMBSON, W."            </t>
  </si>
  <si>
    <t>VELARDE</t>
  </si>
  <si>
    <t>723657-99999-1996.gz</t>
  </si>
  <si>
    <t>MILE MARKER</t>
  </si>
  <si>
    <t>4 DOG</t>
  </si>
  <si>
    <t>SH229E/RR1900</t>
  </si>
  <si>
    <t>702625-00104-2007.gz</t>
  </si>
  <si>
    <t>WILSON FIRE</t>
  </si>
  <si>
    <t>LAKE RD FIELD</t>
  </si>
  <si>
    <t>FY2013-HARALSON-073</t>
  </si>
  <si>
    <t>FY2011-BURKE-038</t>
  </si>
  <si>
    <t>FY2001-BROOKS-010</t>
  </si>
  <si>
    <t>HWY 11 @ CR 4784</t>
  </si>
  <si>
    <t>CO RD 95S &amp; HWY 98, AL</t>
  </si>
  <si>
    <t>722788-03186-2010.gz</t>
  </si>
  <si>
    <t>502 STEPHENSON RD.</t>
  </si>
  <si>
    <t>727810-24243-2015.gz</t>
  </si>
  <si>
    <t>725717-99999-2001.gz</t>
  </si>
  <si>
    <t>FY2013-TROUP-001</t>
  </si>
  <si>
    <t>FAUGHT RIDGE</t>
  </si>
  <si>
    <t>RUDIO CREEK</t>
  </si>
  <si>
    <t xml:space="preserve">LIGHTNING #87            </t>
  </si>
  <si>
    <t>DOG TOWN</t>
  </si>
  <si>
    <t>DORRACH FIRE</t>
  </si>
  <si>
    <t>GRAND BLUFF #160</t>
  </si>
  <si>
    <t>722480-13957-2010.gz</t>
  </si>
  <si>
    <t>724019-93773-2012.gz</t>
  </si>
  <si>
    <t>SHAW</t>
  </si>
  <si>
    <t>BOB ROHLA</t>
  </si>
  <si>
    <t xml:space="preserve">MOOSE </t>
  </si>
  <si>
    <t>RING OF FIRE</t>
  </si>
  <si>
    <t>PARK DRIVE FIRE</t>
  </si>
  <si>
    <t>D FORDS PLACE</t>
  </si>
  <si>
    <t>SANDCREEK</t>
  </si>
  <si>
    <t>52 MAYO FIRE</t>
  </si>
  <si>
    <t>997345-99999-2010.gz</t>
  </si>
  <si>
    <t>STINSON</t>
  </si>
  <si>
    <t>723447-03918-2011.gz</t>
  </si>
  <si>
    <t>726379-14845-2006.gz</t>
  </si>
  <si>
    <t>FY2013-BERRIEN-002</t>
  </si>
  <si>
    <t>HAMBURG</t>
  </si>
  <si>
    <t>GOLDER</t>
  </si>
  <si>
    <t>ATLANTIC OLF BARRACKS FIRE</t>
  </si>
  <si>
    <t>994160-99999-2004.gz</t>
  </si>
  <si>
    <t>NATION RIVER</t>
  </si>
  <si>
    <t>701975-26422-2013.gz</t>
  </si>
  <si>
    <t>MCLAIN FIRE</t>
  </si>
  <si>
    <t>720596-00189-2013.gz</t>
  </si>
  <si>
    <t>ROCKEY FLATS</t>
  </si>
  <si>
    <t>RAY WINTER</t>
  </si>
  <si>
    <t>726084-99999-1995.gz</t>
  </si>
  <si>
    <t>SUNNY AVENUE FIRE</t>
  </si>
  <si>
    <t>726145-94705-2012.gz</t>
  </si>
  <si>
    <t>CHURCH FIRE</t>
  </si>
  <si>
    <t>NOR-20120321-002</t>
  </si>
  <si>
    <t>WINDY BRANCH WAY FIRE</t>
  </si>
  <si>
    <t>723069-93753-2014.gz</t>
  </si>
  <si>
    <t>JOLE</t>
  </si>
  <si>
    <t>FY2000-TALIAFERRO-013</t>
  </si>
  <si>
    <t>TWO FIRES</t>
  </si>
  <si>
    <t>ORIOLE POND</t>
  </si>
  <si>
    <t>S. W. MASHOES WILDFIRE</t>
  </si>
  <si>
    <t>723046-13766-2009.gz</t>
  </si>
  <si>
    <t>NW SARAH L</t>
  </si>
  <si>
    <t>724127-53801-2010.gz</t>
  </si>
  <si>
    <t>BENTON ROAD #1</t>
  </si>
  <si>
    <t>GREEN ACRES</t>
  </si>
  <si>
    <t>SOUTH RIVER RD FIRE</t>
  </si>
  <si>
    <t>NEW BEGINNING</t>
  </si>
  <si>
    <t>MS0    1111-3770606001</t>
  </si>
  <si>
    <t>OR-BFZ-2380</t>
  </si>
  <si>
    <t>PIMA</t>
  </si>
  <si>
    <t>722740-23160-2012.gz</t>
  </si>
  <si>
    <t>FY2013-GILMER-005</t>
  </si>
  <si>
    <t>CLARKS CREEK</t>
  </si>
  <si>
    <t>FY2001-FLOYD-030</t>
  </si>
  <si>
    <t>RAY ANDERSON</t>
  </si>
  <si>
    <t>721009-99999-2013.gz</t>
  </si>
  <si>
    <t>13-041</t>
  </si>
  <si>
    <t>HWT50E/EDGEWOOD</t>
  </si>
  <si>
    <t>EAST HADDAM</t>
  </si>
  <si>
    <t>720545-00169-2012.gz</t>
  </si>
  <si>
    <t>FY2014-TWIGGS-013</t>
  </si>
  <si>
    <t>PAINTE</t>
  </si>
  <si>
    <t>ALTOONA 12</t>
  </si>
  <si>
    <t>FM145 AND CR519</t>
  </si>
  <si>
    <t>MS0    0808-5320318004</t>
  </si>
  <si>
    <t>3 WELL</t>
  </si>
  <si>
    <t>726816-04110-2013.gz</t>
  </si>
  <si>
    <t>HANSEN</t>
  </si>
  <si>
    <t>GOODNOE</t>
  </si>
  <si>
    <t>LAKEY</t>
  </si>
  <si>
    <t>BOOKCLIFF</t>
  </si>
  <si>
    <t>LYING DOWN IN THE WOODS</t>
  </si>
  <si>
    <t>FY2012-TROUP-008</t>
  </si>
  <si>
    <t>DRAW</t>
  </si>
  <si>
    <t>722006-54926-2007.gz</t>
  </si>
  <si>
    <t>CHEESMAN</t>
  </si>
  <si>
    <t>LEOLA</t>
  </si>
  <si>
    <t>MS0    0808-2500211010</t>
  </si>
  <si>
    <t>30/HORSE BARN RD-0094</t>
  </si>
  <si>
    <t>720361-63870-2010.gz</t>
  </si>
  <si>
    <t>KENWOOD</t>
  </si>
  <si>
    <t>OTA 19</t>
  </si>
  <si>
    <t>MS0    1010-5450923002</t>
  </si>
  <si>
    <t>I KNEW IT</t>
  </si>
  <si>
    <t>722131-03713-2014.gz</t>
  </si>
  <si>
    <t>EASTLINE</t>
  </si>
  <si>
    <t>720589-00185-2015.gz</t>
  </si>
  <si>
    <t>SUPPLYCK7</t>
  </si>
  <si>
    <t>SAVANNAH</t>
  </si>
  <si>
    <t>FM 50</t>
  </si>
  <si>
    <t>PLACE</t>
  </si>
  <si>
    <t>720305-53964-2009.gz</t>
  </si>
  <si>
    <t>726555-99999-1997.gz</t>
  </si>
  <si>
    <t>MARBLE HILLS</t>
  </si>
  <si>
    <t xml:space="preserve">PATERSON PASS WINDFM     </t>
  </si>
  <si>
    <t xml:space="preserve">HICKMAN                  </t>
  </si>
  <si>
    <t>Z-WATER</t>
  </si>
  <si>
    <t>NWR-20131115-001</t>
  </si>
  <si>
    <t>SWR-20140911-001</t>
  </si>
  <si>
    <t>03/TWO TRAIL ROAD-0052</t>
  </si>
  <si>
    <t>SPENCER</t>
  </si>
  <si>
    <t>725337-99999-1992.gz</t>
  </si>
  <si>
    <t>COON CREEK</t>
  </si>
  <si>
    <t>QUEBEC MOUNTAIN</t>
  </si>
  <si>
    <t>720744-00271-2011.gz</t>
  </si>
  <si>
    <t>722198-63819-2008.gz</t>
  </si>
  <si>
    <t>PADHAM FIRE</t>
  </si>
  <si>
    <t>726190-94626-2013.gz</t>
  </si>
  <si>
    <t>OLSEN HILL</t>
  </si>
  <si>
    <t>FY2015-GRADY-010</t>
  </si>
  <si>
    <t>FY2002-TOOMBS-106</t>
  </si>
  <si>
    <t>COXES CREEK</t>
  </si>
  <si>
    <t>HEN</t>
  </si>
  <si>
    <t>725976-94285-2013.gz</t>
  </si>
  <si>
    <t>461 RENDEVOUS RD</t>
  </si>
  <si>
    <t>LIVINGSTON - 280</t>
  </si>
  <si>
    <t>BLUE BANKS LOOP ROAD FIRE</t>
  </si>
  <si>
    <t>CR 448 (M.DAVIS)</t>
  </si>
  <si>
    <t>1050 WEST</t>
  </si>
  <si>
    <t>725867-24133-2009.gz</t>
  </si>
  <si>
    <t>R250</t>
  </si>
  <si>
    <t>HWY 6 VAN FIRE AND GRASS FIRE</t>
  </si>
  <si>
    <t>723231-63883-2007.gz</t>
  </si>
  <si>
    <t>725895-94236-2006.gz</t>
  </si>
  <si>
    <t>SE 67</t>
  </si>
  <si>
    <t>725119-54792-2007.gz</t>
  </si>
  <si>
    <t>CANYON CR.</t>
  </si>
  <si>
    <t>LIVINGSTON - 8083</t>
  </si>
  <si>
    <t>725021-99999-2012.gz</t>
  </si>
  <si>
    <t>A1305054</t>
  </si>
  <si>
    <t>726185-14605-2002.gz</t>
  </si>
  <si>
    <t>GLENWOOD HILLS</t>
  </si>
  <si>
    <t xml:space="preserve">SIERRA                   </t>
  </si>
  <si>
    <t>723896-99999-1996.gz</t>
  </si>
  <si>
    <t>57-ELAINE STREET FIRE -1212</t>
  </si>
  <si>
    <t>722220-99999-2010.gz</t>
  </si>
  <si>
    <t>723444-03978-2014.gz</t>
  </si>
  <si>
    <t xml:space="preserve">F.K.U 29244              </t>
  </si>
  <si>
    <t>727430-94850-1992.gz</t>
  </si>
  <si>
    <t>FY2001-BERRIEN-038</t>
  </si>
  <si>
    <t>725194-99999-2001.gz</t>
  </si>
  <si>
    <t>OLEMA I</t>
  </si>
  <si>
    <t>SWR-20140326-001</t>
  </si>
  <si>
    <t>CAPPS</t>
  </si>
  <si>
    <t>725847-99999-1999.gz</t>
  </si>
  <si>
    <t>BONNIE OAK #2</t>
  </si>
  <si>
    <t>723419-93992-2009.gz</t>
  </si>
  <si>
    <t>727856-99999-2005.gz</t>
  </si>
  <si>
    <t>723114-99999-2001.gz</t>
  </si>
  <si>
    <t>YOUNG RD</t>
  </si>
  <si>
    <t>702220-99999-1994.gz</t>
  </si>
  <si>
    <t>BOAT TRAILER FIRE</t>
  </si>
  <si>
    <t>MAILARD</t>
  </si>
  <si>
    <t>WILLIS FIRE</t>
  </si>
  <si>
    <t>ABC</t>
  </si>
  <si>
    <t>724363-13803-1999.gz</t>
  </si>
  <si>
    <t>(33) RABON RD</t>
  </si>
  <si>
    <t>724077-99999-2002.gz</t>
  </si>
  <si>
    <t>ROAD N</t>
  </si>
  <si>
    <t>JERKY BUTTE</t>
  </si>
  <si>
    <t>PORCH ROCK RD 3 15 13</t>
  </si>
  <si>
    <t>CR 1142 GRASS FIRE</t>
  </si>
  <si>
    <t>FY2002-GRADY-025</t>
  </si>
  <si>
    <t>GRASS FIRE FM 1602</t>
  </si>
  <si>
    <t>724397-54831-2006.gz</t>
  </si>
  <si>
    <t>SUGAR RUN RD</t>
  </si>
  <si>
    <t>SAND</t>
  </si>
  <si>
    <t>CONCHO 2</t>
  </si>
  <si>
    <t>723526-99999-1998.gz</t>
  </si>
  <si>
    <t>723068-93759-2007.gz</t>
  </si>
  <si>
    <t>100 W HOPKINS</t>
  </si>
  <si>
    <t>LONGHORN</t>
  </si>
  <si>
    <t>HIT AND RUN CREEK FIRE #1</t>
  </si>
  <si>
    <t>POWERJUNCT</t>
  </si>
  <si>
    <t>GOSHEN</t>
  </si>
  <si>
    <t>FY2002-MCDUFFIE-042</t>
  </si>
  <si>
    <t>WF SJU5</t>
  </si>
  <si>
    <t>CRANE LAKE</t>
  </si>
  <si>
    <t>CORNERS ROAD</t>
  </si>
  <si>
    <t>MCWADE AV  HOML</t>
  </si>
  <si>
    <t>BRIGHT</t>
  </si>
  <si>
    <t>GRASS FIRE CR 563</t>
  </si>
  <si>
    <t>GREENLEE RANCH FIRE</t>
  </si>
  <si>
    <t>722640-93035-2015.gz</t>
  </si>
  <si>
    <t>725847-93230-2000.gz</t>
  </si>
  <si>
    <t>BROADFOOT</t>
  </si>
  <si>
    <t>722587-99999-2001.gz</t>
  </si>
  <si>
    <t>HARRISVILLE FIRE</t>
  </si>
  <si>
    <t>FY2013-WILCOX-013</t>
  </si>
  <si>
    <t>PURGATORY FIRE</t>
  </si>
  <si>
    <t>BENSEN</t>
  </si>
  <si>
    <t>722693-93097-2014.gz</t>
  </si>
  <si>
    <t>FY2001-CRISP-031</t>
  </si>
  <si>
    <t>KRASSEL</t>
  </si>
  <si>
    <t>HENDERSON - 007</t>
  </si>
  <si>
    <t>POWERLINE RD (58)</t>
  </si>
  <si>
    <t>RAMSEYE BRANCH FIRE</t>
  </si>
  <si>
    <t>SUPPORTER</t>
  </si>
  <si>
    <t>727477-99999-1998.gz</t>
  </si>
  <si>
    <t>725067-94720-2015.gz</t>
  </si>
  <si>
    <t>747808-63803-2010.gz</t>
  </si>
  <si>
    <t>SECOMD LINE</t>
  </si>
  <si>
    <t>727500-99999-1999.gz</t>
  </si>
  <si>
    <t>MEMORIAL</t>
  </si>
  <si>
    <t>725970-24225-2003.gz</t>
  </si>
  <si>
    <t>PISGAH</t>
  </si>
  <si>
    <t>725750-24126-2012.gz</t>
  </si>
  <si>
    <t>GEARCASE CREEK</t>
  </si>
  <si>
    <t>HOWARD MOUNTAIN</t>
  </si>
  <si>
    <t>MS0    1111-3330310001</t>
  </si>
  <si>
    <t>FY2014-WAYNE-028</t>
  </si>
  <si>
    <t>011-232</t>
  </si>
  <si>
    <t>NWR-20130909-001</t>
  </si>
  <si>
    <t>723306-13825-2013.gz</t>
  </si>
  <si>
    <t xml:space="preserve">SAN LORENZO PARK#3       </t>
  </si>
  <si>
    <t>724917-23233-2002.gz</t>
  </si>
  <si>
    <t>HOMESITE</t>
  </si>
  <si>
    <t>HOLLIS BIRTHDAY</t>
  </si>
  <si>
    <t>HIGHLAND GAMES ROAD</t>
  </si>
  <si>
    <t>WESTKULLIH</t>
  </si>
  <si>
    <t>10-124</t>
  </si>
  <si>
    <t>GROUSE MTN</t>
  </si>
  <si>
    <t>724680-99999-2001.gz</t>
  </si>
  <si>
    <t>LITTLE SUWANNEE</t>
  </si>
  <si>
    <t>2012-5608</t>
  </si>
  <si>
    <t>MOUNTAIN CREEK #2</t>
  </si>
  <si>
    <t>SEATON</t>
  </si>
  <si>
    <t xml:space="preserve">CARLSON                  </t>
  </si>
  <si>
    <t xml:space="preserve">ROBERT COPPAGE PLACE </t>
  </si>
  <si>
    <t>UNION GROVE RD</t>
  </si>
  <si>
    <t>MACK FIRE</t>
  </si>
  <si>
    <t xml:space="preserve">CICO                     </t>
  </si>
  <si>
    <t xml:space="preserve">WITT FIRE                </t>
  </si>
  <si>
    <t>CANNA ROAD FIRE (53)</t>
  </si>
  <si>
    <t>PINECREST</t>
  </si>
  <si>
    <t xml:space="preserve">FKU # 4370               </t>
  </si>
  <si>
    <t>724815-99999-1999.gz</t>
  </si>
  <si>
    <t>CONTINENTAL 2</t>
  </si>
  <si>
    <t>BACHMEIER</t>
  </si>
  <si>
    <t>FY2000-POLK-139</t>
  </si>
  <si>
    <t xml:space="preserve">FKU-8512                 </t>
  </si>
  <si>
    <t>PROGRESS FIRE</t>
  </si>
  <si>
    <t>725194-99999-2004.gz</t>
  </si>
  <si>
    <t xml:space="preserve">PITIGLIANO               </t>
  </si>
  <si>
    <t>PAXSON</t>
  </si>
  <si>
    <t>724556-13989-1998.gz</t>
  </si>
  <si>
    <t>725196-14717-1995.gz</t>
  </si>
  <si>
    <t>SOLS CREEK</t>
  </si>
  <si>
    <t>SIMON</t>
  </si>
  <si>
    <t>MORONGO</t>
  </si>
  <si>
    <t>HAINES</t>
  </si>
  <si>
    <t>722880-23152-1999.gz</t>
  </si>
  <si>
    <t>744672-04862-2008.gz</t>
  </si>
  <si>
    <t>EAST ANDRE</t>
  </si>
  <si>
    <t>702075-99999-2003.gz</t>
  </si>
  <si>
    <t>LAKE HELEN</t>
  </si>
  <si>
    <t xml:space="preserve">MORNINGSIDE              </t>
  </si>
  <si>
    <t xml:space="preserve">EDITH/TEH CO FIRE        </t>
  </si>
  <si>
    <t>725456-04921-2008.gz</t>
  </si>
  <si>
    <t>NBROCKTON</t>
  </si>
  <si>
    <t>727686-99999-2004.gz</t>
  </si>
  <si>
    <t>FY2002-BURKE-043</t>
  </si>
  <si>
    <t>SHITIKE PH</t>
  </si>
  <si>
    <t>MANSCO</t>
  </si>
  <si>
    <t>FY2014-WILKINSON-007</t>
  </si>
  <si>
    <t>725290-14768-2004.gz</t>
  </si>
  <si>
    <t>BUTCH</t>
  </si>
  <si>
    <t>720151-03049-2007.gz</t>
  </si>
  <si>
    <t>CLOUSER ONE</t>
  </si>
  <si>
    <t>223 ROAD FIRE</t>
  </si>
  <si>
    <t>SCROGGIE STRIKE</t>
  </si>
  <si>
    <t>U S CELLULAR TOWER FIRE</t>
  </si>
  <si>
    <t>746929-99999-2003.gz</t>
  </si>
  <si>
    <t>747688-53858-2013.gz</t>
  </si>
  <si>
    <t>HINSON FIRE</t>
  </si>
  <si>
    <t>OLD FIRE TOWER ROAD</t>
  </si>
  <si>
    <t>723484-53901-2011.gz</t>
  </si>
  <si>
    <t>165 days 00:00:00.000000000</t>
  </si>
  <si>
    <t xml:space="preserve">REDCREST 3               </t>
  </si>
  <si>
    <t>725512-14989-2015.gz</t>
  </si>
  <si>
    <t>BLOWER</t>
  </si>
  <si>
    <t>SAM HORSE</t>
  </si>
  <si>
    <t>FREDDY SMITH</t>
  </si>
  <si>
    <t>SAND ROAD</t>
  </si>
  <si>
    <t>LOS LUNAS</t>
  </si>
  <si>
    <t>723647-99999-2003.gz</t>
  </si>
  <si>
    <t>BUS FIRE</t>
  </si>
  <si>
    <t>MILL CREEK ROAD</t>
  </si>
  <si>
    <t>BELCHER AV / THORNTON RD</t>
  </si>
  <si>
    <t>724815-23257-2015.gz</t>
  </si>
  <si>
    <t>IMPALA COMMAND</t>
  </si>
  <si>
    <t>JUSTIN QUESADA</t>
  </si>
  <si>
    <t>724397-99999-2005.gz</t>
  </si>
  <si>
    <t>BUCKET</t>
  </si>
  <si>
    <t xml:space="preserve">MARTINS                  </t>
  </si>
  <si>
    <t>SULLIVAN FIRE</t>
  </si>
  <si>
    <t>FY2000-HARALSON-053</t>
  </si>
  <si>
    <t>CROOKS</t>
  </si>
  <si>
    <t>RAIN DROP</t>
  </si>
  <si>
    <t>GRANITE</t>
  </si>
  <si>
    <t>UNIT P-9 WILDFIRE</t>
  </si>
  <si>
    <t>722054-53959-2010.gz</t>
  </si>
  <si>
    <t>DAVIS RD.</t>
  </si>
  <si>
    <t>724120-03872-2002.gz</t>
  </si>
  <si>
    <t>725745-24057-2002.gz</t>
  </si>
  <si>
    <t>HAUL ROAD</t>
  </si>
  <si>
    <t>724655-93990-2002.gz</t>
  </si>
  <si>
    <t>OTAY 198</t>
  </si>
  <si>
    <t>1070 167TH AVE. MAQUEKETA, IA</t>
  </si>
  <si>
    <t>725475-04953-2011.gz</t>
  </si>
  <si>
    <t>725945-24283-2011.gz</t>
  </si>
  <si>
    <t>03/NEWMAN PT RD-0673</t>
  </si>
  <si>
    <t>722245-03882-2010.gz</t>
  </si>
  <si>
    <t>SOUTH HORSE</t>
  </si>
  <si>
    <t>HEAVY</t>
  </si>
  <si>
    <t>LOST LAKE</t>
  </si>
  <si>
    <t>998278-99999-2013.gz</t>
  </si>
  <si>
    <t>722448-99999-1994.gz</t>
  </si>
  <si>
    <t>OINE</t>
  </si>
  <si>
    <t>720265-63833-2008.gz</t>
  </si>
  <si>
    <t>FY2012-TOOMBS-045</t>
  </si>
  <si>
    <t>HOT TRUCK</t>
  </si>
  <si>
    <t>PORK CHOP</t>
  </si>
  <si>
    <t>723625-93057-1993.gz</t>
  </si>
  <si>
    <t xml:space="preserve">INC. 10178               </t>
  </si>
  <si>
    <t>ABERNATHY FIRE</t>
  </si>
  <si>
    <t>HAROLD BILL FARM</t>
  </si>
  <si>
    <t>MS0    1010-3330929003</t>
  </si>
  <si>
    <t xml:space="preserve">RED ROCK                 </t>
  </si>
  <si>
    <t>SNOW CREEK</t>
  </si>
  <si>
    <t>DUCK POND</t>
  </si>
  <si>
    <t>RUMSEY</t>
  </si>
  <si>
    <t>724828-93241-2011.gz</t>
  </si>
  <si>
    <t>WOODVILLE - 189</t>
  </si>
  <si>
    <t>CAMP MARY ATKINSON</t>
  </si>
  <si>
    <t>726487-99999-1992.gz</t>
  </si>
  <si>
    <t xml:space="preserve">PLUM                     </t>
  </si>
  <si>
    <t>BURNED TRAILER</t>
  </si>
  <si>
    <t>724660-93037-2004.gz</t>
  </si>
  <si>
    <t xml:space="preserve">TRAIL                    </t>
  </si>
  <si>
    <t>HIGDON</t>
  </si>
  <si>
    <t>724833-23206-2009.gz</t>
  </si>
  <si>
    <t>OLD HWY</t>
  </si>
  <si>
    <t>727855-99999-2001.gz</t>
  </si>
  <si>
    <t>DOUBLE K</t>
  </si>
  <si>
    <t>720302-53963-2014.gz</t>
  </si>
  <si>
    <t>720381-63885-2007.gz</t>
  </si>
  <si>
    <t>GARCIA 1</t>
  </si>
  <si>
    <t>STO29469874</t>
  </si>
  <si>
    <t>MS0814</t>
  </si>
  <si>
    <t>FM 3196 10 MI. SOUTH</t>
  </si>
  <si>
    <t>LAKESHORE</t>
  </si>
  <si>
    <t>CRAW</t>
  </si>
  <si>
    <t>JENSEN BALE</t>
  </si>
  <si>
    <t>COW 1</t>
  </si>
  <si>
    <t>724836-23208-1996.gz</t>
  </si>
  <si>
    <t>HARJO</t>
  </si>
  <si>
    <t xml:space="preserve">HWY 152  W/ RD 17.5 2    </t>
  </si>
  <si>
    <t>WILLOW ROAD</t>
  </si>
  <si>
    <t>727474-04923-2011.gz</t>
  </si>
  <si>
    <t xml:space="preserve">NOCE / CDF TAC 6         </t>
  </si>
  <si>
    <t>722356-13939-2010.gz</t>
  </si>
  <si>
    <t>A-41SOUTH</t>
  </si>
  <si>
    <t>724339-99999-1999.gz</t>
  </si>
  <si>
    <t>LONDONDERRY</t>
  </si>
  <si>
    <t>TXPTEAST</t>
  </si>
  <si>
    <t>FY2002-TOOMBS-119</t>
  </si>
  <si>
    <t>DOG CREEK</t>
  </si>
  <si>
    <t xml:space="preserve">FOUR TREES RD / HWY 70 2 </t>
  </si>
  <si>
    <t>SANDSPRING</t>
  </si>
  <si>
    <t>2011-35</t>
  </si>
  <si>
    <t>GOOSENECK</t>
  </si>
  <si>
    <t>BURNTBEET</t>
  </si>
  <si>
    <t>LOST 20</t>
  </si>
  <si>
    <t>OAK CREEK</t>
  </si>
  <si>
    <t>SPIVEY</t>
  </si>
  <si>
    <t>FY2002-SPALDING-038</t>
  </si>
  <si>
    <t>723274-00372-2014.gz</t>
  </si>
  <si>
    <t xml:space="preserve">KIT                      </t>
  </si>
  <si>
    <t>FY2015-DODGE-006</t>
  </si>
  <si>
    <t>MUD CREEK FIRE</t>
  </si>
  <si>
    <t>DAGUERRA</t>
  </si>
  <si>
    <t>COLORADO</t>
  </si>
  <si>
    <t>RT 399 1ST GATE ON LEFT</t>
  </si>
  <si>
    <t>725103-14712-2011.gz</t>
  </si>
  <si>
    <t xml:space="preserve">PINE                     </t>
  </si>
  <si>
    <t>997264-99999-2008.gz</t>
  </si>
  <si>
    <t>726387-14850-2010.gz</t>
  </si>
  <si>
    <t>COOKSEY</t>
  </si>
  <si>
    <t>722620-23055-2002.gz</t>
  </si>
  <si>
    <t>LANDFILL</t>
  </si>
  <si>
    <t>720613-00204-2014.gz</t>
  </si>
  <si>
    <t>ROCKY FIELD</t>
  </si>
  <si>
    <t>DOUBLEHEAD</t>
  </si>
  <si>
    <t>LIPAZANNER FIRE</t>
  </si>
  <si>
    <t>MARSTON RD. FIRE</t>
  </si>
  <si>
    <t>OAK KNOB</t>
  </si>
  <si>
    <t>BELL RD N</t>
  </si>
  <si>
    <t>241ST</t>
  </si>
  <si>
    <t>722786-23104-1996.gz</t>
  </si>
  <si>
    <t>FY2011-TIFT-097</t>
  </si>
  <si>
    <t>PARCOAL</t>
  </si>
  <si>
    <t xml:space="preserve">PG&amp;E #13                 </t>
  </si>
  <si>
    <t>727834-99999-1993.gz</t>
  </si>
  <si>
    <t>WILDFIRE</t>
  </si>
  <si>
    <t>723122-63889-2015.gz</t>
  </si>
  <si>
    <t>725848-99999-2007.gz</t>
  </si>
  <si>
    <t>TARA WOOD</t>
  </si>
  <si>
    <t>COUNTRY STORE FIRE</t>
  </si>
  <si>
    <t>HALFWAY</t>
  </si>
  <si>
    <t>WEST HUNT</t>
  </si>
  <si>
    <t>ROPE</t>
  </si>
  <si>
    <t>YADEN LANE</t>
  </si>
  <si>
    <t>RIVER BOTTOM</t>
  </si>
  <si>
    <t>725750-24126-2013.gz</t>
  </si>
  <si>
    <t>GLOVER ROAD</t>
  </si>
  <si>
    <t>FY2013-HANCOCK-034</t>
  </si>
  <si>
    <t>720347-63877-2013.gz</t>
  </si>
  <si>
    <t>BCH CNL!</t>
  </si>
  <si>
    <t xml:space="preserve">AQUADUCT                 </t>
  </si>
  <si>
    <t>BEE ROCK</t>
  </si>
  <si>
    <t>723925-23190-2000.gz</t>
  </si>
  <si>
    <t>ROUND HOUSE FIRE</t>
  </si>
  <si>
    <t>727640-24011-1993.gz</t>
  </si>
  <si>
    <t>FY2002-CHATTOOGA-028</t>
  </si>
  <si>
    <t>TYE FORK FIRE</t>
  </si>
  <si>
    <t>726050-14745-2009.gz</t>
  </si>
  <si>
    <t>MOCKINGBIRD</t>
  </si>
  <si>
    <t>FAIRVIEW #2</t>
  </si>
  <si>
    <t>COCKRAN 1</t>
  </si>
  <si>
    <t>J D REED 2</t>
  </si>
  <si>
    <t>722637-93046-2015.gz</t>
  </si>
  <si>
    <t>KNIGHTON</t>
  </si>
  <si>
    <t>RAKE</t>
  </si>
  <si>
    <t>WILD IRISHMAN</t>
  </si>
  <si>
    <t>DRISKELLLN</t>
  </si>
  <si>
    <t>725760-24021-1994.gz</t>
  </si>
  <si>
    <t>FY2001-DAWSON-030</t>
  </si>
  <si>
    <t>HOGTOMMY</t>
  </si>
  <si>
    <t>GILCHRIST BUTTE</t>
  </si>
  <si>
    <t>FY2014-DADE-032</t>
  </si>
  <si>
    <t>SAND CYN</t>
  </si>
  <si>
    <t>722953-99999-1993.gz</t>
  </si>
  <si>
    <t>SOUTH CROSSROADS</t>
  </si>
  <si>
    <t>FY2000-WHITFIELD-044</t>
  </si>
  <si>
    <t>TISHTANG#10</t>
  </si>
  <si>
    <t>GILLEY HILL</t>
  </si>
  <si>
    <t>723273-13827-2011.gz</t>
  </si>
  <si>
    <t>FY2015-COLQUITT-009</t>
  </si>
  <si>
    <t>722147-53817-2015.gz</t>
  </si>
  <si>
    <t>MM 147</t>
  </si>
  <si>
    <t>LINDEN - 137</t>
  </si>
  <si>
    <t>CROOKED LK</t>
  </si>
  <si>
    <t>702745-99999-1993.gz</t>
  </si>
  <si>
    <t>ATOAH</t>
  </si>
  <si>
    <t>OTA 33</t>
  </si>
  <si>
    <t>722730-03124-1992.gz</t>
  </si>
  <si>
    <t>722200-12832-2000.gz</t>
  </si>
  <si>
    <t>722145-99999-2005.gz</t>
  </si>
  <si>
    <t>STATE PARK</t>
  </si>
  <si>
    <t>725846-93201-2011.gz</t>
  </si>
  <si>
    <t>SLEEPER I &amp; II</t>
  </si>
  <si>
    <t>JETER</t>
  </si>
  <si>
    <t xml:space="preserve">CHEVRON #2               </t>
  </si>
  <si>
    <t>PIGPIN</t>
  </si>
  <si>
    <t>CHAMPLIN</t>
  </si>
  <si>
    <t>DAVIS FIRE</t>
  </si>
  <si>
    <t>722484-99999-1996.gz</t>
  </si>
  <si>
    <t>RICHARDSON</t>
  </si>
  <si>
    <t>HORMEL</t>
  </si>
  <si>
    <t>TRUST LAND</t>
  </si>
  <si>
    <t>1551 OLD RENO RD.</t>
  </si>
  <si>
    <t>724550-99999-2004.gz</t>
  </si>
  <si>
    <t>GOLD FORK</t>
  </si>
  <si>
    <t>726824-04112-2010.gz</t>
  </si>
  <si>
    <t>SUBURBAN HEIGHTS</t>
  </si>
  <si>
    <t>ROPER FIRE</t>
  </si>
  <si>
    <t>CAYADA CREEK</t>
  </si>
  <si>
    <t>742060-99999-2002.gz</t>
  </si>
  <si>
    <t>JACKASS CREEK</t>
  </si>
  <si>
    <t>HORSE HUNTER</t>
  </si>
  <si>
    <t>727790-24146-2014.gz</t>
  </si>
  <si>
    <t>LGT 151</t>
  </si>
  <si>
    <t>TRANSIENT</t>
  </si>
  <si>
    <t>726988-24219-1995.gz</t>
  </si>
  <si>
    <t>REESE-HURT HAY FIRE</t>
  </si>
  <si>
    <t>722322-00361-2014.gz</t>
  </si>
  <si>
    <t>MOSES FORK</t>
  </si>
  <si>
    <t>WINTERBURG</t>
  </si>
  <si>
    <t>MS0    0808-5031121001</t>
  </si>
  <si>
    <t>722320-12884-2008.gz</t>
  </si>
  <si>
    <t>NORTHFORK</t>
  </si>
  <si>
    <t>BIG POWERLINE</t>
  </si>
  <si>
    <t>SERNA</t>
  </si>
  <si>
    <t>BEARWALO</t>
  </si>
  <si>
    <t>SQUAT LAKE</t>
  </si>
  <si>
    <t>994410-99999-1995.gz</t>
  </si>
  <si>
    <t>MS0    0808-4241231001</t>
  </si>
  <si>
    <t>END OF KAYS RD.</t>
  </si>
  <si>
    <t>FY2002-COWETA-088</t>
  </si>
  <si>
    <t>FY2015-FLOYD-019</t>
  </si>
  <si>
    <t>GRAVEL CREEK</t>
  </si>
  <si>
    <t>ELK90083</t>
  </si>
  <si>
    <t>LINDEN - 317</t>
  </si>
  <si>
    <t>LAKE WELLINGTON</t>
  </si>
  <si>
    <t>726580-14922-2000.gz</t>
  </si>
  <si>
    <t>ECR-20130427-006</t>
  </si>
  <si>
    <t>BOURGEAU R</t>
  </si>
  <si>
    <t>725510-14939-2012.gz</t>
  </si>
  <si>
    <t>STREET</t>
  </si>
  <si>
    <t>OR-MAF-098</t>
  </si>
  <si>
    <t>CINDER-</t>
  </si>
  <si>
    <t>FY2015-BURKE-016</t>
  </si>
  <si>
    <t>HENDERSON - 7009</t>
  </si>
  <si>
    <t>ODENBACH</t>
  </si>
  <si>
    <t xml:space="preserve">LIGHTNING 85             </t>
  </si>
  <si>
    <t>725900-99999-2003.gz</t>
  </si>
  <si>
    <t>421 I20</t>
  </si>
  <si>
    <t>THREEMILE CREEK</t>
  </si>
  <si>
    <t>SCARE APT</t>
  </si>
  <si>
    <t xml:space="preserve">KESWICK                  </t>
  </si>
  <si>
    <t xml:space="preserve">RAU #2                   </t>
  </si>
  <si>
    <t>722269-03850-1999.gz</t>
  </si>
  <si>
    <t>WF TANK BATTERY WEST</t>
  </si>
  <si>
    <t>998182-99999-2010.gz</t>
  </si>
  <si>
    <t>RIVERBEND ROAD (22)</t>
  </si>
  <si>
    <t xml:space="preserve">1510 BOULDER LN. </t>
  </si>
  <si>
    <t>LITTLE POLLY FIRE</t>
  </si>
  <si>
    <t>FRITZLER</t>
  </si>
  <si>
    <t>727834-99999-2004.gz</t>
  </si>
  <si>
    <t>FY2002-HARRIS-066</t>
  </si>
  <si>
    <t>GLENDA</t>
  </si>
  <si>
    <t>727508-99999-1999.gz</t>
  </si>
  <si>
    <t>726577-99999-1999.gz</t>
  </si>
  <si>
    <t>PR 3549</t>
  </si>
  <si>
    <t>JONES CANYON</t>
  </si>
  <si>
    <t>722588-99999-2003.gz</t>
  </si>
  <si>
    <t>MS0    1010-4560323002</t>
  </si>
  <si>
    <t>FY2014-ATKINSON-002</t>
  </si>
  <si>
    <t>727505-04929-2014.gz</t>
  </si>
  <si>
    <t>FLAT RUN RD</t>
  </si>
  <si>
    <t>ALLOT #688</t>
  </si>
  <si>
    <t xml:space="preserve">FILLMORE ST / AVE 57     </t>
  </si>
  <si>
    <t>SHUTTLE</t>
  </si>
  <si>
    <t>727938-99999-2001.gz</t>
  </si>
  <si>
    <t>2015-21</t>
  </si>
  <si>
    <t>OR-MAF-070</t>
  </si>
  <si>
    <t>HWY. 220 BUSINESS #5</t>
  </si>
  <si>
    <t>MS0    0808-2440809002</t>
  </si>
  <si>
    <t>722820-03949-2013.gz</t>
  </si>
  <si>
    <t>997280-99999-2013.gz</t>
  </si>
  <si>
    <t>743946-99999-2003.gz</t>
  </si>
  <si>
    <t>RUTHERFORD RD  RUTHERFORD</t>
  </si>
  <si>
    <t>EAST 2</t>
  </si>
  <si>
    <t>FY2002-HARALSON-062</t>
  </si>
  <si>
    <t>PEAK</t>
  </si>
  <si>
    <t>749485-00396-2015.gz</t>
  </si>
  <si>
    <t>720744-00271-2013.gz</t>
  </si>
  <si>
    <t>NEVADA ST FIRE</t>
  </si>
  <si>
    <t>720302-53963-2013.gz</t>
  </si>
  <si>
    <t>I-10 ROAD (12)</t>
  </si>
  <si>
    <t>APPLE ORCHARD CIRCLE</t>
  </si>
  <si>
    <t>255 (40)</t>
  </si>
  <si>
    <t>722166-93845-2015.gz</t>
  </si>
  <si>
    <t>CHERRY GUL</t>
  </si>
  <si>
    <t>720268-53882-2009.gz</t>
  </si>
  <si>
    <t xml:space="preserve">STILL                    </t>
  </si>
  <si>
    <t>GALLARD JENKIN</t>
  </si>
  <si>
    <t>KINGS CROSSING</t>
  </si>
  <si>
    <t>ROAN RIDGE</t>
  </si>
  <si>
    <t>726865-99999-1999.gz</t>
  </si>
  <si>
    <t>GREEN TOWN RD.</t>
  </si>
  <si>
    <t>ATHOS</t>
  </si>
  <si>
    <t>723788-53135-2014.gz</t>
  </si>
  <si>
    <t>TESLA</t>
  </si>
  <si>
    <t>724945-23293-2012.gz</t>
  </si>
  <si>
    <t>METRO (29)</t>
  </si>
  <si>
    <t>997701-99999-2013.gz</t>
  </si>
  <si>
    <t>TOM'S LAST</t>
  </si>
  <si>
    <t>727344-99999-2004.gz</t>
  </si>
  <si>
    <t>7X RANCH</t>
  </si>
  <si>
    <t>722677-99999-1999.gz</t>
  </si>
  <si>
    <t>725541-04993-2009.gz</t>
  </si>
  <si>
    <t>ALLEN PARK</t>
  </si>
  <si>
    <t>K J FIRE</t>
  </si>
  <si>
    <t>DEALS GAP</t>
  </si>
  <si>
    <t>BLOWDOWN</t>
  </si>
  <si>
    <t>727457-99999-2001.gz</t>
  </si>
  <si>
    <t>DON'T LET IT REACH THE TI</t>
  </si>
  <si>
    <t xml:space="preserve">PADDON IC ON WHITE 3     </t>
  </si>
  <si>
    <t>FY2011-CRISP-031</t>
  </si>
  <si>
    <t>FY2002-TOWNS-004</t>
  </si>
  <si>
    <t>MCC REKINDLE #2 DANSBY</t>
  </si>
  <si>
    <t>BARNES FIRES</t>
  </si>
  <si>
    <t>MCNEAL BR RD</t>
  </si>
  <si>
    <t>724250-03860-2013.gz</t>
  </si>
  <si>
    <t>373 FIRE</t>
  </si>
  <si>
    <t>O'DEL</t>
  </si>
  <si>
    <t>V ROAD</t>
  </si>
  <si>
    <t>724556-13989-2011.gz</t>
  </si>
  <si>
    <t>129036-05007-10082015-1354</t>
  </si>
  <si>
    <t>RL107</t>
  </si>
  <si>
    <t>CHATFIELD</t>
  </si>
  <si>
    <t>727834-24136-2012.gz</t>
  </si>
  <si>
    <t>FY2002-DAWSON-020</t>
  </si>
  <si>
    <t>DOGTOWN 1</t>
  </si>
  <si>
    <t>FY2001-TOOMBS-066</t>
  </si>
  <si>
    <t>BLACK DOG</t>
  </si>
  <si>
    <t>MCFARLAND FIRE</t>
  </si>
  <si>
    <t>DOUBLE</t>
  </si>
  <si>
    <t>FY2015-CLINCH-005</t>
  </si>
  <si>
    <t>725105-14770-2008.gz</t>
  </si>
  <si>
    <t>RED BUTTE</t>
  </si>
  <si>
    <t>FY2012-WARE-021</t>
  </si>
  <si>
    <t>HARBOR ISLAND</t>
  </si>
  <si>
    <t>722008-12995-2011.gz</t>
  </si>
  <si>
    <t>HIGGS RD 1</t>
  </si>
  <si>
    <t>KUDZU</t>
  </si>
  <si>
    <t>726487-99999-1993.gz</t>
  </si>
  <si>
    <t>TOBIN</t>
  </si>
  <si>
    <t>CRAIGHOLEN</t>
  </si>
  <si>
    <t>DITCH FIRE</t>
  </si>
  <si>
    <t>PEANUTS</t>
  </si>
  <si>
    <t>CAL 5</t>
  </si>
  <si>
    <t>720120-63837-2007.gz</t>
  </si>
  <si>
    <t>RL213</t>
  </si>
  <si>
    <t>HIGHWAY 2</t>
  </si>
  <si>
    <t>FY2011-DODGE-148</t>
  </si>
  <si>
    <t>FY2002-WALTON-035</t>
  </si>
  <si>
    <t>WILDHORSE 1</t>
  </si>
  <si>
    <t>THUNDER  FROG</t>
  </si>
  <si>
    <t>14663 COUNTY ROAD 545 - 13047226</t>
  </si>
  <si>
    <t>HINES</t>
  </si>
  <si>
    <t>FY2002-COFFEE-060</t>
  </si>
  <si>
    <t>723762-93244-2008.gz</t>
  </si>
  <si>
    <t>KROHMER</t>
  </si>
  <si>
    <t>BURNT HOSE</t>
  </si>
  <si>
    <t>AMERICAN</t>
  </si>
  <si>
    <t>DEER STAND</t>
  </si>
  <si>
    <t>VIGIL</t>
  </si>
  <si>
    <t>722185-99999-2003.gz</t>
  </si>
  <si>
    <t>NORTH H.B.</t>
  </si>
  <si>
    <t>725337-04807-2014.gz</t>
  </si>
  <si>
    <t xml:space="preserve">TIN CAN #1               </t>
  </si>
  <si>
    <t>722904-23196-1992.gz</t>
  </si>
  <si>
    <t>723750-03103-2011.gz</t>
  </si>
  <si>
    <t>747915-99999-2002.gz</t>
  </si>
  <si>
    <t>TOO SHORT</t>
  </si>
  <si>
    <t>723627-23081-2011.gz</t>
  </si>
  <si>
    <t>STEWART LAKE</t>
  </si>
  <si>
    <t>720307-63804-2008.gz</t>
  </si>
  <si>
    <t>LD2209</t>
  </si>
  <si>
    <t>POTTERY</t>
  </si>
  <si>
    <t>724767-99999-2000.gz</t>
  </si>
  <si>
    <t>BRUIN CREEK</t>
  </si>
  <si>
    <t>702913-46402-2013.gz</t>
  </si>
  <si>
    <t>FY2012-TREUTLEN-052</t>
  </si>
  <si>
    <t>726508-99999-2005.gz</t>
  </si>
  <si>
    <t>1028 FILMORE RD., ELGIN, IA, IA</t>
  </si>
  <si>
    <t>725488-04955-2011.gz</t>
  </si>
  <si>
    <t>FOREST RANCH</t>
  </si>
  <si>
    <t>HYATT CREEK</t>
  </si>
  <si>
    <t>MTN MEADOWS</t>
  </si>
  <si>
    <t>724565-13920-2000.gz</t>
  </si>
  <si>
    <t>CLA17396302</t>
  </si>
  <si>
    <t>DONT KNOW</t>
  </si>
  <si>
    <t>747750-13846-2009.gz</t>
  </si>
  <si>
    <t>FY2014-PIKE-006</t>
  </si>
  <si>
    <t>725478-04920-2014.gz</t>
  </si>
  <si>
    <t>SEABOY</t>
  </si>
  <si>
    <t>HOUSTON</t>
  </si>
  <si>
    <t>CASTLEPOIN</t>
  </si>
  <si>
    <t>726876-00387-2005.gz</t>
  </si>
  <si>
    <t>ROCK SPRINGS FIRE</t>
  </si>
  <si>
    <t>A-11</t>
  </si>
  <si>
    <t>WESTPARK</t>
  </si>
  <si>
    <t>FY2001-CHATTOOGA-087</t>
  </si>
  <si>
    <t>HWY 36 R O W</t>
  </si>
  <si>
    <t>JAMES SHOCKLEY 2 20 11</t>
  </si>
  <si>
    <t>Q3</t>
  </si>
  <si>
    <t xml:space="preserve">RIVERBOTTOM #30          </t>
  </si>
  <si>
    <t>SR 1743 PART XI</t>
  </si>
  <si>
    <t>LIVINGSTON - 749</t>
  </si>
  <si>
    <t>722334-03976-2011.gz</t>
  </si>
  <si>
    <t>MARTINSON FIRE</t>
  </si>
  <si>
    <t>POCHAHONTA</t>
  </si>
  <si>
    <t>701730-99999-2000.gz</t>
  </si>
  <si>
    <t>CROMMIE ROAD</t>
  </si>
  <si>
    <t>FY2002-FANNIN-053</t>
  </si>
  <si>
    <t>MAPLE STREET</t>
  </si>
  <si>
    <t>194 AVE</t>
  </si>
  <si>
    <t>726196-14610-1996.gz</t>
  </si>
  <si>
    <t>GREENE FIRE</t>
  </si>
  <si>
    <t xml:space="preserve">388 FIRE                                          </t>
  </si>
  <si>
    <t>HENDERSON - 582</t>
  </si>
  <si>
    <t>SAND PIT</t>
  </si>
  <si>
    <t>COON CREEK ROAD</t>
  </si>
  <si>
    <t>FY2011-LANIER-048</t>
  </si>
  <si>
    <t>PHILLYS</t>
  </si>
  <si>
    <t>LATE</t>
  </si>
  <si>
    <t>722890-93136-1999.gz</t>
  </si>
  <si>
    <t>331 CR 4117</t>
  </si>
  <si>
    <t>725194-54778-2007.gz</t>
  </si>
  <si>
    <t>723660-23007-2007.gz</t>
  </si>
  <si>
    <t>SOLACE</t>
  </si>
  <si>
    <t>725700-24046-2007.gz</t>
  </si>
  <si>
    <t>2009-276</t>
  </si>
  <si>
    <t>FY2000-PULASKI-056</t>
  </si>
  <si>
    <t xml:space="preserve">STONY                    </t>
  </si>
  <si>
    <t>723628-93942-2013.gz</t>
  </si>
  <si>
    <t>MOUND FIRE</t>
  </si>
  <si>
    <t>HIDALGO4</t>
  </si>
  <si>
    <t>722506-12959-1993.gz</t>
  </si>
  <si>
    <t>HARPER ST (57)</t>
  </si>
  <si>
    <t>KOENIGSTEIN 1</t>
  </si>
  <si>
    <t>CASEYVILLE FIRE</t>
  </si>
  <si>
    <t>BATES RD (32)</t>
  </si>
  <si>
    <t>26 MP 100</t>
  </si>
  <si>
    <t>DEHESA</t>
  </si>
  <si>
    <t xml:space="preserve">SWIFT                    </t>
  </si>
  <si>
    <t>7753 F.M. 1725</t>
  </si>
  <si>
    <t>TORNADO</t>
  </si>
  <si>
    <t>FY2011-MACON-043</t>
  </si>
  <si>
    <t>SCYENE</t>
  </si>
  <si>
    <t>720291-53970-2015.gz</t>
  </si>
  <si>
    <t>BIG HOLE</t>
  </si>
  <si>
    <t>LODGE ST, AL</t>
  </si>
  <si>
    <t>REX</t>
  </si>
  <si>
    <t>UNION COMP</t>
  </si>
  <si>
    <t>119 days 00:00:00.000000000</t>
  </si>
  <si>
    <t>GREENBELT1</t>
  </si>
  <si>
    <t>VIRGINIA PEAK</t>
  </si>
  <si>
    <t>CHERRYVILLE ROAD</t>
  </si>
  <si>
    <t>726419-94929-2015.gz</t>
  </si>
  <si>
    <t>722485-13944-2011.gz</t>
  </si>
  <si>
    <t>724459-53931-2014.gz</t>
  </si>
  <si>
    <t>SWAN FALLS</t>
  </si>
  <si>
    <t xml:space="preserve">STATE OF CA. #26         </t>
  </si>
  <si>
    <t>FM 403 &amp; CR 690</t>
  </si>
  <si>
    <t>ST. RT. 4</t>
  </si>
  <si>
    <t>KUCHUK</t>
  </si>
  <si>
    <t>701718-26551-2012.gz</t>
  </si>
  <si>
    <t>RIDGE RD</t>
  </si>
  <si>
    <t>NARROWS 5</t>
  </si>
  <si>
    <t>724689-99999-2003.gz</t>
  </si>
  <si>
    <t>CHILOCO</t>
  </si>
  <si>
    <t>723546-13969-2001.gz</t>
  </si>
  <si>
    <t>BAILEY CRK</t>
  </si>
  <si>
    <t>725970-24225-1995.gz</t>
  </si>
  <si>
    <t xml:space="preserve">GODFREY                  </t>
  </si>
  <si>
    <t>SUNRISE</t>
  </si>
  <si>
    <t xml:space="preserve">MONTEREY CO.             </t>
  </si>
  <si>
    <t>723900-99999-1998.gz</t>
  </si>
  <si>
    <t>GFX ASSIST 578</t>
  </si>
  <si>
    <t xml:space="preserve">DERRICK                  </t>
  </si>
  <si>
    <t>422 CR 4030</t>
  </si>
  <si>
    <t>S TURN</t>
  </si>
  <si>
    <t>722068-53860-2009.gz</t>
  </si>
  <si>
    <t>SAND MINE (29)</t>
  </si>
  <si>
    <t>720373-92824-2012.gz</t>
  </si>
  <si>
    <t>SLIMFAST FIRE</t>
  </si>
  <si>
    <t>FY2002-HARALSON-020</t>
  </si>
  <si>
    <t>HENDERSON - 137</t>
  </si>
  <si>
    <t>FY2011-GLASCOCK-017</t>
  </si>
  <si>
    <t xml:space="preserve">BEL ROMA                 </t>
  </si>
  <si>
    <t>CHANGE</t>
  </si>
  <si>
    <t>60TH AVE TRASH(21)</t>
  </si>
  <si>
    <t xml:space="preserve">DEL DIOS                 </t>
  </si>
  <si>
    <t>725434-54789-2006.gz</t>
  </si>
  <si>
    <t>ECR-20141213-002</t>
  </si>
  <si>
    <t>722284-03892-2014.gz</t>
  </si>
  <si>
    <t>FY2015-GILMER-004</t>
  </si>
  <si>
    <t>722109-00355-2015.gz</t>
  </si>
  <si>
    <t>724770-03170-2013.gz</t>
  </si>
  <si>
    <t>IRENE</t>
  </si>
  <si>
    <t>725847-93230-2014.gz</t>
  </si>
  <si>
    <t>MOSQUITO RANCH WPA</t>
  </si>
  <si>
    <t>726565-99999-2003.gz</t>
  </si>
  <si>
    <t>MUTUAL ASSIST ROCKDALE RUSH FIRE</t>
  </si>
  <si>
    <t>TIMBER LANE</t>
  </si>
  <si>
    <t>WIED</t>
  </si>
  <si>
    <t>CROOKED STREET FIRE</t>
  </si>
  <si>
    <t>NER-20150207-002</t>
  </si>
  <si>
    <t>FY2002-STEWART-015</t>
  </si>
  <si>
    <t>725526-14905-2008.gz</t>
  </si>
  <si>
    <t>720863-00289-2012.gz</t>
  </si>
  <si>
    <t>SPIVEY'S CORNER LIGHT.</t>
  </si>
  <si>
    <t>FY2012-IRWIN-010</t>
  </si>
  <si>
    <t>INDEPENDEN</t>
  </si>
  <si>
    <t>BROWNS CREEK</t>
  </si>
  <si>
    <t>726815-24106-2008.gz</t>
  </si>
  <si>
    <t xml:space="preserve">OAK PARK                 </t>
  </si>
  <si>
    <t>MS2112</t>
  </si>
  <si>
    <t xml:space="preserve">HOT SPRINGS              </t>
  </si>
  <si>
    <t>MS0    0909-1480718001</t>
  </si>
  <si>
    <t>RED LAKE 279</t>
  </si>
  <si>
    <t>HUNTERS BRANCH</t>
  </si>
  <si>
    <t>CO. RT. 21</t>
  </si>
  <si>
    <t>727575-94925-2013.gz</t>
  </si>
  <si>
    <t>USA FEEDERS</t>
  </si>
  <si>
    <t>MAZZETTI</t>
  </si>
  <si>
    <t>724700-93141-2007.gz</t>
  </si>
  <si>
    <t>FY2013-TWIGGS-039</t>
  </si>
  <si>
    <t>FY2001-CARROLL-085</t>
  </si>
  <si>
    <t>FY2011-WORTH-097</t>
  </si>
  <si>
    <t>MILL CREEK FIRE</t>
  </si>
  <si>
    <t>SANDERSON</t>
  </si>
  <si>
    <t>LEADER</t>
  </si>
  <si>
    <t>DEVIL SKULL</t>
  </si>
  <si>
    <t>ORANGE TREE FIRE</t>
  </si>
  <si>
    <t>TWIN GATES</t>
  </si>
  <si>
    <t>SINGELTON DRIVE</t>
  </si>
  <si>
    <t>UNION HILL #2</t>
  </si>
  <si>
    <t>CR124 GRASS FIRE</t>
  </si>
  <si>
    <t>722192-23033-2013.gz</t>
  </si>
  <si>
    <t>722280-13876-1992.gz</t>
  </si>
  <si>
    <t>DURRANCE (18)</t>
  </si>
  <si>
    <t>GUM BR</t>
  </si>
  <si>
    <t>RIVER RD 2</t>
  </si>
  <si>
    <t>724115-93757-2013.gz</t>
  </si>
  <si>
    <t>FY2001-FANNIN-012</t>
  </si>
  <si>
    <t>LINDEN - 492</t>
  </si>
  <si>
    <t>BERTIE</t>
  </si>
  <si>
    <t>SADDLEBACK</t>
  </si>
  <si>
    <t>BENNETT ROAD</t>
  </si>
  <si>
    <t>726427-54908-2013.gz</t>
  </si>
  <si>
    <t>SMITH CREEK #1</t>
  </si>
  <si>
    <t>723435-53921-2009.gz</t>
  </si>
  <si>
    <t>FY2001-BACON-005</t>
  </si>
  <si>
    <t>726064-99999-1998.gz</t>
  </si>
  <si>
    <t>SWR-20140314-002</t>
  </si>
  <si>
    <t>HAM HOLLOW</t>
  </si>
  <si>
    <t>DAHL LAKE</t>
  </si>
  <si>
    <t>BEAVER JACK</t>
  </si>
  <si>
    <t>726865-24196-2015.gz</t>
  </si>
  <si>
    <t>HOT ONE SEQUAL</t>
  </si>
  <si>
    <t>WHITE OAK CHURCH D , AL</t>
  </si>
  <si>
    <t>HARBOUR DR. (08)</t>
  </si>
  <si>
    <t>GOSHEN RANGE</t>
  </si>
  <si>
    <t>BEAVER SLIDE</t>
  </si>
  <si>
    <t>VIEWPOINT</t>
  </si>
  <si>
    <t>747186-03164-2014.gz</t>
  </si>
  <si>
    <t>FY2002-HALL-018</t>
  </si>
  <si>
    <t>JOE BUCK</t>
  </si>
  <si>
    <t>NEWHALEN B</t>
  </si>
  <si>
    <t>GEORGE RICHEY RD</t>
  </si>
  <si>
    <t>RIGHT</t>
  </si>
  <si>
    <t>FAIRLY WINDY FIRE</t>
  </si>
  <si>
    <t>722148-99999-2004.gz</t>
  </si>
  <si>
    <t>992120-99999-2004.gz</t>
  </si>
  <si>
    <t>RT. 10 GRAFTON</t>
  </si>
  <si>
    <t>HONEY BUNCH #1</t>
  </si>
  <si>
    <t>RYE</t>
  </si>
  <si>
    <t>OTIS' CLEAN UP</t>
  </si>
  <si>
    <t>BRANCH OFF</t>
  </si>
  <si>
    <t>LINDEN - 340</t>
  </si>
  <si>
    <t>SADDLE RIDGE</t>
  </si>
  <si>
    <t>723035-99999-1996.gz</t>
  </si>
  <si>
    <t>MUD HOLE</t>
  </si>
  <si>
    <t>722044-53930-2007.gz</t>
  </si>
  <si>
    <t>724395-99999-2005.gz</t>
  </si>
  <si>
    <t>BILTMORE CIRCLE</t>
  </si>
  <si>
    <t>PG  E 14</t>
  </si>
  <si>
    <t>724238-99999-1999.gz</t>
  </si>
  <si>
    <t>TONKA TOY</t>
  </si>
  <si>
    <t>DOT FIRE</t>
  </si>
  <si>
    <t>MIDGET</t>
  </si>
  <si>
    <t>FY2000-EFFINGHAM-085</t>
  </si>
  <si>
    <t>PARLIER</t>
  </si>
  <si>
    <t>ISUZU</t>
  </si>
  <si>
    <t>FY2002-PAULDING-033</t>
  </si>
  <si>
    <t>BOTTLE</t>
  </si>
  <si>
    <t>HIGHWAY 5 FIRE</t>
  </si>
  <si>
    <t>CLAUDE ROGERS</t>
  </si>
  <si>
    <t>722177-63811-2008.gz</t>
  </si>
  <si>
    <t>FM 308 FIRE</t>
  </si>
  <si>
    <t>BOLEN BR.</t>
  </si>
  <si>
    <t>SLAUGHTER HOUSE</t>
  </si>
  <si>
    <t>727033-14609-2007.gz</t>
  </si>
  <si>
    <t>LINDEN-470</t>
  </si>
  <si>
    <t>BADGER CREEK</t>
  </si>
  <si>
    <t>RL288</t>
  </si>
  <si>
    <t>APPLE</t>
  </si>
  <si>
    <t>723890-93193-1991.gz</t>
  </si>
  <si>
    <t>CANEY FLAT</t>
  </si>
  <si>
    <t>724096-14706-1998.gz</t>
  </si>
  <si>
    <t>GOLDSTONE</t>
  </si>
  <si>
    <t>746110-03182-2011.gz</t>
  </si>
  <si>
    <t>OLD CAR</t>
  </si>
  <si>
    <t>BRADFORDTO</t>
  </si>
  <si>
    <t>720353-63875-2012.gz</t>
  </si>
  <si>
    <t>109 MILITARY ROAD 2</t>
  </si>
  <si>
    <t>UNNAMED FIRE 0372</t>
  </si>
  <si>
    <t>OMAK CK2</t>
  </si>
  <si>
    <t>FOX HUNTERS KNOB #3</t>
  </si>
  <si>
    <t>3136 180TH ST., HARRISON TWP, IOWA</t>
  </si>
  <si>
    <t>725474-04915-2010.gz</t>
  </si>
  <si>
    <t>25TH DRIVE (24-4)</t>
  </si>
  <si>
    <t>KRUEGER</t>
  </si>
  <si>
    <t>720545-00169-2010.gz</t>
  </si>
  <si>
    <t>FENCE ROAD</t>
  </si>
  <si>
    <t>PICNIC</t>
  </si>
  <si>
    <t>NO PABLO</t>
  </si>
  <si>
    <t>FLASH LAKE</t>
  </si>
  <si>
    <t>727454-99999-2005.gz</t>
  </si>
  <si>
    <t>BARNEY</t>
  </si>
  <si>
    <t>722444-99999-2003.gz</t>
  </si>
  <si>
    <t>LIGHTNING TREE FIRE</t>
  </si>
  <si>
    <t>994410-99999-2000.gz</t>
  </si>
  <si>
    <t xml:space="preserve">RED WOLF                 </t>
  </si>
  <si>
    <t>HONEYMOON FR</t>
  </si>
  <si>
    <t>SMITH I</t>
  </si>
  <si>
    <t>722053-12841-1996.gz</t>
  </si>
  <si>
    <t>UTE TRAIL</t>
  </si>
  <si>
    <t>FM 543 &amp;CR 125</t>
  </si>
  <si>
    <t>FM 109 COMPLEX</t>
  </si>
  <si>
    <t>722554-12978-2011.gz</t>
  </si>
  <si>
    <t>OTA 57</t>
  </si>
  <si>
    <t>CLIPPER</t>
  </si>
  <si>
    <t xml:space="preserve">SAN TIMOTEO              </t>
  </si>
  <si>
    <t>726810-24131-1997.gz</t>
  </si>
  <si>
    <t>FOIL</t>
  </si>
  <si>
    <t xml:space="preserve">BARTLET # 1              </t>
  </si>
  <si>
    <t>HUMPHRIES</t>
  </si>
  <si>
    <t>GUNTLEY</t>
  </si>
  <si>
    <t>DAHLBERG</t>
  </si>
  <si>
    <t>747187-03104-1995.gz</t>
  </si>
  <si>
    <t>MS0    0909-4230313008</t>
  </si>
  <si>
    <t>DAVENPORT PLACE FIRE</t>
  </si>
  <si>
    <t>725086-99999-2001.gz</t>
  </si>
  <si>
    <t>MID CITIES FIREWORK FIRE</t>
  </si>
  <si>
    <t>MS0    0808-5251018002</t>
  </si>
  <si>
    <t>3039 COMMAND</t>
  </si>
  <si>
    <t>PLUTO ROAD</t>
  </si>
  <si>
    <t>JURASSIC</t>
  </si>
  <si>
    <t>ANNUAL</t>
  </si>
  <si>
    <t>725948-99999-1995.gz</t>
  </si>
  <si>
    <t>726350-94860-2003.gz</t>
  </si>
  <si>
    <t>722866-23122-1993.gz</t>
  </si>
  <si>
    <t>CONCHO</t>
  </si>
  <si>
    <t>726183-99999-2003.gz</t>
  </si>
  <si>
    <t>BALL FIELD FIRE</t>
  </si>
  <si>
    <t>STAIRS II</t>
  </si>
  <si>
    <t>CR119</t>
  </si>
  <si>
    <t>722542-03999-2009.gz</t>
  </si>
  <si>
    <t>BIG COULEE</t>
  </si>
  <si>
    <t>GROOVY</t>
  </si>
  <si>
    <t>725847-93230-2011.gz</t>
  </si>
  <si>
    <t>SWATHER FIRE</t>
  </si>
  <si>
    <t>723525-93986-2015.gz</t>
  </si>
  <si>
    <t>BEER</t>
  </si>
  <si>
    <t>722887-03180-2013.gz</t>
  </si>
  <si>
    <t>745430-93978-2015.gz</t>
  </si>
  <si>
    <t>2760 SIGNAL PEAK RD.</t>
  </si>
  <si>
    <t>ECR-20141109-002</t>
  </si>
  <si>
    <t>CR 473 AND CR 4732</t>
  </si>
  <si>
    <t>BTT NE 51</t>
  </si>
  <si>
    <t>LD3516</t>
  </si>
  <si>
    <t>724090-14780-1994.gz</t>
  </si>
  <si>
    <t>ELANORE AGAIN</t>
  </si>
  <si>
    <t>727855-24114-2010.gz</t>
  </si>
  <si>
    <t>FY2000-DOUGHERTY-063</t>
  </si>
  <si>
    <t>OTHER FIRE 4</t>
  </si>
  <si>
    <t>FY2000-MCINTOSH-097</t>
  </si>
  <si>
    <t>HILLBERRY</t>
  </si>
  <si>
    <t>726558-04914-2013.gz</t>
  </si>
  <si>
    <t>DELAMAR</t>
  </si>
  <si>
    <t>723079-93796-2008.gz</t>
  </si>
  <si>
    <t>THIRTY NINE</t>
  </si>
  <si>
    <t>723346-03811-2012.gz</t>
  </si>
  <si>
    <t>FY2014-CHATTOOGA-045</t>
  </si>
  <si>
    <t>723655-99999-2002.gz</t>
  </si>
  <si>
    <t>RL206</t>
  </si>
  <si>
    <t>PALUKA X2 FIRE #2</t>
  </si>
  <si>
    <t>SLAG FIRE</t>
  </si>
  <si>
    <t>723079-99999-2001.gz</t>
  </si>
  <si>
    <t>722038-12897-2008.gz</t>
  </si>
  <si>
    <t>MS0    0909-3380307009</t>
  </si>
  <si>
    <t>STRAIGHT FORK ROAD</t>
  </si>
  <si>
    <t>725290-14768-2002.gz</t>
  </si>
  <si>
    <t>COPPER 3</t>
  </si>
  <si>
    <t>724074-99999-2002.gz</t>
  </si>
  <si>
    <t xml:space="preserve">OMNI                     </t>
  </si>
  <si>
    <t>690230-24255-2003.gz</t>
  </si>
  <si>
    <t>FY2002-WALKER-067</t>
  </si>
  <si>
    <t>DIANE</t>
  </si>
  <si>
    <t>PUSH</t>
  </si>
  <si>
    <t>ALERIDGE FIRE</t>
  </si>
  <si>
    <t>WINDOWROCK</t>
  </si>
  <si>
    <t>722764-99999-2001.gz</t>
  </si>
  <si>
    <t>FY2015-WAYNE-046</t>
  </si>
  <si>
    <t>BUSINESS 29</t>
  </si>
  <si>
    <t>FY2001-ECHOLS-010</t>
  </si>
  <si>
    <t>SHANNON RD.</t>
  </si>
  <si>
    <t>725287-04724-2012.gz</t>
  </si>
  <si>
    <t>KING MOUNTIAN</t>
  </si>
  <si>
    <t>725750-24126-2009.gz</t>
  </si>
  <si>
    <t>MS0    0808-5740410001</t>
  </si>
  <si>
    <t>53 CREEKWOOD</t>
  </si>
  <si>
    <t>SUMMIT WEST</t>
  </si>
  <si>
    <t>FRED STONE RD. FILD FIRE</t>
  </si>
  <si>
    <t>BUTTE CREEK</t>
  </si>
  <si>
    <t>726625-24006-2004.gz</t>
  </si>
  <si>
    <t>RENDEZOUS</t>
  </si>
  <si>
    <t>725765-99999-2000.gz</t>
  </si>
  <si>
    <t>21 CREW</t>
  </si>
  <si>
    <t>723079-93796-2006.gz</t>
  </si>
  <si>
    <t>RED LAKE 561</t>
  </si>
  <si>
    <t>727486-04983-2012.gz</t>
  </si>
  <si>
    <t>FY2002-WARREN-037</t>
  </si>
  <si>
    <t>POWER DAM</t>
  </si>
  <si>
    <t>GRAMBAUER MOUNTAIN</t>
  </si>
  <si>
    <t>THE-DIRT-MAN</t>
  </si>
  <si>
    <t>BLUEBERRY</t>
  </si>
  <si>
    <t>720345-94086-2008.gz</t>
  </si>
  <si>
    <t>WETJEN LANE FIRE</t>
  </si>
  <si>
    <t>LIGHT 39</t>
  </si>
  <si>
    <t>10-0081936</t>
  </si>
  <si>
    <t>MS0    0909-4180203001</t>
  </si>
  <si>
    <t>723105-03858-2008.gz</t>
  </si>
  <si>
    <t>ECR-20130916-001</t>
  </si>
  <si>
    <t>LAST DAY</t>
  </si>
  <si>
    <t>BEESTING</t>
  </si>
  <si>
    <t>SANDY FIELD FIRE</t>
  </si>
  <si>
    <t>727970-94240-1998.gz</t>
  </si>
  <si>
    <t>BRUSH BURNING</t>
  </si>
  <si>
    <t>GREENBRIER ROAD</t>
  </si>
  <si>
    <t>724175-99999-1992.gz</t>
  </si>
  <si>
    <t>SABADAN</t>
  </si>
  <si>
    <t>10621 E HWY 6 GRASS FIRE</t>
  </si>
  <si>
    <t>DORIS BUTTE</t>
  </si>
  <si>
    <t>723449-53954-2010.gz</t>
  </si>
  <si>
    <t>STUCK COMMANDER</t>
  </si>
  <si>
    <t>720279-03705-2008.gz</t>
  </si>
  <si>
    <t>WHITE BEAR</t>
  </si>
  <si>
    <t>727677-99999-2004.gz</t>
  </si>
  <si>
    <t>US 87S/2065 RR1723</t>
  </si>
  <si>
    <t>STEAMY POINT</t>
  </si>
  <si>
    <t>ST.ANNS</t>
  </si>
  <si>
    <t>BROCK S</t>
  </si>
  <si>
    <t>727686-99999-1996.gz</t>
  </si>
  <si>
    <t>TODD FARM ROAD</t>
  </si>
  <si>
    <t xml:space="preserve">ROMANCE                  </t>
  </si>
  <si>
    <t>722919-99999-1996.gz</t>
  </si>
  <si>
    <t>WF- 64 BREAK 8</t>
  </si>
  <si>
    <t>2015-11</t>
  </si>
  <si>
    <t>KELLY CRK</t>
  </si>
  <si>
    <t>725835-99999-2000.gz</t>
  </si>
  <si>
    <t>FY2002-PAULDING-001</t>
  </si>
  <si>
    <t>STANDEFER</t>
  </si>
  <si>
    <t xml:space="preserve">YOLO                     </t>
  </si>
  <si>
    <t>STIFF ROCK</t>
  </si>
  <si>
    <t>MAHER</t>
  </si>
  <si>
    <t>BOWATERS</t>
  </si>
  <si>
    <t>724270-99999-2003.gz</t>
  </si>
  <si>
    <t>FY2001-TATTNALL-068</t>
  </si>
  <si>
    <t>NEWVILLE</t>
  </si>
  <si>
    <t>GRASSY FORK</t>
  </si>
  <si>
    <t>724117-63802-2010.gz</t>
  </si>
  <si>
    <t>NAMINGHA</t>
  </si>
  <si>
    <t>723740-23194-2000.gz</t>
  </si>
  <si>
    <t>LOWRY RUIN</t>
  </si>
  <si>
    <t>NOR-20130310-008</t>
  </si>
  <si>
    <t>POORMAN</t>
  </si>
  <si>
    <t>STERLING AV  HIGHLAND 236</t>
  </si>
  <si>
    <t>NORTH COAL CREEK</t>
  </si>
  <si>
    <t>726575-99999-2000.gz</t>
  </si>
  <si>
    <t>NE 30022</t>
  </si>
  <si>
    <t>722091-53940-2011.gz</t>
  </si>
  <si>
    <t>BLANCA</t>
  </si>
  <si>
    <t>POLE CAT</t>
  </si>
  <si>
    <t>724074-99999-1999.gz</t>
  </si>
  <si>
    <t>GREY GEUZ</t>
  </si>
  <si>
    <t>NWR-20121028-001</t>
  </si>
  <si>
    <t xml:space="preserve">RAMOS                    </t>
  </si>
  <si>
    <t>TOPAZ</t>
  </si>
  <si>
    <t>INDIAN CRK</t>
  </si>
  <si>
    <t>NORTH OF EASY STREET</t>
  </si>
  <si>
    <t>727825-94239-2004.gz</t>
  </si>
  <si>
    <t>MON3598035</t>
  </si>
  <si>
    <t>723435-53921-2014.gz</t>
  </si>
  <si>
    <t>TURK</t>
  </si>
  <si>
    <t>DALY 1</t>
  </si>
  <si>
    <t>720652-00433-2011.gz</t>
  </si>
  <si>
    <t>720437-00143-2015.gz</t>
  </si>
  <si>
    <t>ESTATE</t>
  </si>
  <si>
    <t>998175-99999-2013.gz</t>
  </si>
  <si>
    <t>350 SANDY OAKS DR.</t>
  </si>
  <si>
    <t>722536-12911-2013.gz</t>
  </si>
  <si>
    <t>URBAN FARM</t>
  </si>
  <si>
    <t>FY2013-BERRIEN-006</t>
  </si>
  <si>
    <t>PINE CREEK # 3</t>
  </si>
  <si>
    <t>AUSTIN</t>
  </si>
  <si>
    <t>KUDU</t>
  </si>
  <si>
    <t>747188-23158-2009.gz</t>
  </si>
  <si>
    <t>EAST RIVER (12)</t>
  </si>
  <si>
    <t>725029-99999-1995.gz</t>
  </si>
  <si>
    <t xml:space="preserve">70 IC GRDLY FIRE         </t>
  </si>
  <si>
    <t>HURDLE 2</t>
  </si>
  <si>
    <t>726437-99999-2002.gz</t>
  </si>
  <si>
    <t>DANSKIN</t>
  </si>
  <si>
    <t>185 JENNINS ROAD</t>
  </si>
  <si>
    <t>726503-99999-1999.gz</t>
  </si>
  <si>
    <t>OTTER CK</t>
  </si>
  <si>
    <t>747917-00390-2013.gz</t>
  </si>
  <si>
    <t>WAGGONER CAMP</t>
  </si>
  <si>
    <t>LINDELL</t>
  </si>
  <si>
    <t>KELLER</t>
  </si>
  <si>
    <t>SCARBOROGH FIRE</t>
  </si>
  <si>
    <t xml:space="preserve">STATE PARKS #5           </t>
  </si>
  <si>
    <t>725848-99999-1994.gz</t>
  </si>
  <si>
    <t>INDEPENDNC</t>
  </si>
  <si>
    <t>BEE TREE</t>
  </si>
  <si>
    <t>OLD AGENCY</t>
  </si>
  <si>
    <t>GOODWILL HOLLOW</t>
  </si>
  <si>
    <t>TENNESEE</t>
  </si>
  <si>
    <t>723755-03103-2001.gz</t>
  </si>
  <si>
    <t>725146-54773-2012.gz</t>
  </si>
  <si>
    <t>OFF THE BEATEN PATH</t>
  </si>
  <si>
    <t>BIGFOOT</t>
  </si>
  <si>
    <t>BEACH</t>
  </si>
  <si>
    <t>726438-94994-2008.gz</t>
  </si>
  <si>
    <t>FAKA29</t>
  </si>
  <si>
    <t>TANOS</t>
  </si>
  <si>
    <t>ACROSS FROM BARKER'S</t>
  </si>
  <si>
    <t>MS0    0909-3770305001</t>
  </si>
  <si>
    <t>NORTH BRADY FIRE</t>
  </si>
  <si>
    <t xml:space="preserve">GATOS                    </t>
  </si>
  <si>
    <t>BORDER 2</t>
  </si>
  <si>
    <t>722904-03178-2009.gz</t>
  </si>
  <si>
    <t>BOOTS</t>
  </si>
  <si>
    <t xml:space="preserve">HWY 101                  </t>
  </si>
  <si>
    <t>LIMESTONE 1</t>
  </si>
  <si>
    <t>720494-00152-2014.gz</t>
  </si>
  <si>
    <t>724365-53896-2010.gz</t>
  </si>
  <si>
    <t>FY2002-JOHNSON-059</t>
  </si>
  <si>
    <t>725526-14905-2011.gz</t>
  </si>
  <si>
    <t>CUTTERS 2</t>
  </si>
  <si>
    <t>724836-99999-2003.gz</t>
  </si>
  <si>
    <t>727555-99999-2003.gz</t>
  </si>
  <si>
    <t>MS0    0909-5740122011</t>
  </si>
  <si>
    <t>N.HWY.281 &amp; N.BUS. 281</t>
  </si>
  <si>
    <t>722516-12928-2011.gz</t>
  </si>
  <si>
    <t>IF YOU REALLY KNEW!</t>
  </si>
  <si>
    <t>724769-94035-2012.gz</t>
  </si>
  <si>
    <t>BILL LUNDY RD (46)</t>
  </si>
  <si>
    <t>722246-03844-2014.gz</t>
  </si>
  <si>
    <t>DAIRY QUEEN</t>
  </si>
  <si>
    <t>NWR-20120310-001</t>
  </si>
  <si>
    <t>BIG POOL</t>
  </si>
  <si>
    <t>724066-99999-1992.gz</t>
  </si>
  <si>
    <t>994640-99999-2003.gz</t>
  </si>
  <si>
    <t>MARY</t>
  </si>
  <si>
    <t>FY2001-SCREVEN-032</t>
  </si>
  <si>
    <t>FY2001-OGLETHORPE-025</t>
  </si>
  <si>
    <t>BACKYARD</t>
  </si>
  <si>
    <t>COLVERT</t>
  </si>
  <si>
    <t>STRAIT</t>
  </si>
  <si>
    <t>724175-03802-2006.gz</t>
  </si>
  <si>
    <t>026 WATTS</t>
  </si>
  <si>
    <t>HORWOOD H&amp;H</t>
  </si>
  <si>
    <t>744672-04862-2011.gz</t>
  </si>
  <si>
    <t>702315-99999-2005.gz</t>
  </si>
  <si>
    <t>SOUTH LOVE</t>
  </si>
  <si>
    <t>724765-99999-1997.gz</t>
  </si>
  <si>
    <t>QUAKING</t>
  </si>
  <si>
    <t>BANANA FIRE (13)</t>
  </si>
  <si>
    <t>CATH CRH</t>
  </si>
  <si>
    <t>13057 IRON BRIDGE</t>
  </si>
  <si>
    <t>LAMAR POINTE CONTROLLED BURN</t>
  </si>
  <si>
    <t>722524-12972-2010.gz</t>
  </si>
  <si>
    <t>FAIRFIELD ELM</t>
  </si>
  <si>
    <t>723105-03858-2013.gz</t>
  </si>
  <si>
    <t xml:space="preserve">LUNA                     </t>
  </si>
  <si>
    <t>FRITCH 2</t>
  </si>
  <si>
    <t>723630-23047-1996.gz</t>
  </si>
  <si>
    <t>FY2000-CARROLL-034</t>
  </si>
  <si>
    <t>PIUMA</t>
  </si>
  <si>
    <t>RELFE</t>
  </si>
  <si>
    <t>724457-03938-2006.gz</t>
  </si>
  <si>
    <t>JOHNSON CREEK</t>
  </si>
  <si>
    <t>HONEY BUNCH #2</t>
  </si>
  <si>
    <t>CAMEL</t>
  </si>
  <si>
    <t>LAKEWOOD RD</t>
  </si>
  <si>
    <t>MCGEE CRK.</t>
  </si>
  <si>
    <t>724294-99999-1997.gz</t>
  </si>
  <si>
    <t>ACROSS FROM JIM</t>
  </si>
  <si>
    <t>FY2002-MORGAN-003</t>
  </si>
  <si>
    <t>ZARSKY'S LUMBER</t>
  </si>
  <si>
    <t>COUNTY RD 51, AL</t>
  </si>
  <si>
    <t>HWY 262 REKINDLE</t>
  </si>
  <si>
    <t>727827-24110-2007.gz</t>
  </si>
  <si>
    <t>OAK SPRING</t>
  </si>
  <si>
    <t>NORTH LASTER</t>
  </si>
  <si>
    <t>CENTERVILLE RD</t>
  </si>
  <si>
    <t>722826-93762-2015.gz</t>
  </si>
  <si>
    <t>SOUTH RIVER #8</t>
  </si>
  <si>
    <t>725479-04937-2015.gz</t>
  </si>
  <si>
    <t>BIG TYLER ROAD</t>
  </si>
  <si>
    <t>MM258 IH-35</t>
  </si>
  <si>
    <t>FY2001-MITCHELL-048</t>
  </si>
  <si>
    <t xml:space="preserve">GLICK                    </t>
  </si>
  <si>
    <t>3794 476 EAST</t>
  </si>
  <si>
    <t>HERRON RD</t>
  </si>
  <si>
    <t>SW 207 AVE</t>
  </si>
  <si>
    <t>HEATHER HOLLOW</t>
  </si>
  <si>
    <t xml:space="preserve">NEW GRADE  (24-6) </t>
  </si>
  <si>
    <t>SHAVERS FORK</t>
  </si>
  <si>
    <t>724689-99999-2005.gz</t>
  </si>
  <si>
    <t>MONTEZUMA VALLEY RD MP- 5</t>
  </si>
  <si>
    <t>RIDENER</t>
  </si>
  <si>
    <t>BF 6</t>
  </si>
  <si>
    <t>MDF105</t>
  </si>
  <si>
    <t>725037-94745-2009.gz</t>
  </si>
  <si>
    <t>POOLE LANE</t>
  </si>
  <si>
    <t>721038-99999-2014.gz</t>
  </si>
  <si>
    <t>725744-24027-2008.gz</t>
  </si>
  <si>
    <t>RENSHAW</t>
  </si>
  <si>
    <t>HUNTSVILLE PARK</t>
  </si>
  <si>
    <t>FY2011-CRAWFORD-047</t>
  </si>
  <si>
    <t>FM 310 FIRE</t>
  </si>
  <si>
    <t>100 SIMMONS ROAD</t>
  </si>
  <si>
    <t>BLUE OAK</t>
  </si>
  <si>
    <t>A1305059</t>
  </si>
  <si>
    <t>720288-03711-2008.gz</t>
  </si>
  <si>
    <t>DEERFOOT</t>
  </si>
  <si>
    <t>727834-99999-1996.gz</t>
  </si>
  <si>
    <t>FISH HAWK</t>
  </si>
  <si>
    <t>992120-99999-1994.gz</t>
  </si>
  <si>
    <t>104 E. OVILLA RD</t>
  </si>
  <si>
    <t>CAMP FOR ALL</t>
  </si>
  <si>
    <t>110 STARCKE ST</t>
  </si>
  <si>
    <t>722518-12974-2015.gz</t>
  </si>
  <si>
    <t>ADOBE</t>
  </si>
  <si>
    <t>724880-23185-1998.gz</t>
  </si>
  <si>
    <t>725165-94737-2008.gz</t>
  </si>
  <si>
    <t>03_12</t>
  </si>
  <si>
    <t>S BULLDOG</t>
  </si>
  <si>
    <t>HIGH DIKE</t>
  </si>
  <si>
    <t>722125-04829-2008.gz</t>
  </si>
  <si>
    <t>WANO</t>
  </si>
  <si>
    <t>724689-03026-2007.gz</t>
  </si>
  <si>
    <t>CURRY FERRY RD (30)</t>
  </si>
  <si>
    <t>722269-03850-2015.gz</t>
  </si>
  <si>
    <t>PANAMA</t>
  </si>
  <si>
    <t>MM3</t>
  </si>
  <si>
    <t>CASPEN</t>
  </si>
  <si>
    <t>726364-04883-2009.gz</t>
  </si>
  <si>
    <t>FY2000-BIBB-033</t>
  </si>
  <si>
    <t>VOLCAN</t>
  </si>
  <si>
    <t>LONG RIDGE 2</t>
  </si>
  <si>
    <t>PR 1180 FIRE</t>
  </si>
  <si>
    <t>MS0    0909-4550406003</t>
  </si>
  <si>
    <t>TELOGIA SOUTH (39)</t>
  </si>
  <si>
    <t>FY2001-DODGE-072</t>
  </si>
  <si>
    <t>UNNAMED FIRE 0923</t>
  </si>
  <si>
    <t>722069-99999-1998.gz</t>
  </si>
  <si>
    <t>FY2001-WILKINSON-040</t>
  </si>
  <si>
    <t>725029-99999-1992.gz</t>
  </si>
  <si>
    <t>GOVERNOR HILL (15)</t>
  </si>
  <si>
    <t>OR-BFZ-2173</t>
  </si>
  <si>
    <t>CR 304</t>
  </si>
  <si>
    <t>HWY 1050</t>
  </si>
  <si>
    <t>726665-99999-1994.gz</t>
  </si>
  <si>
    <t>FY2013-RANDOLPH-003</t>
  </si>
  <si>
    <t>26 MP 102</t>
  </si>
  <si>
    <t>GFX ASSIST 10</t>
  </si>
  <si>
    <t>726392-00424-2005.gz</t>
  </si>
  <si>
    <t>ECR-20131104-002</t>
  </si>
  <si>
    <t>SEMINOLEOP</t>
  </si>
  <si>
    <t>2012074 GRASS FIRE</t>
  </si>
  <si>
    <t>4034 JACKSON TRACE RD, AL</t>
  </si>
  <si>
    <t xml:space="preserve">PG&amp;E#22                  </t>
  </si>
  <si>
    <t>747812-63813-2010.gz</t>
  </si>
  <si>
    <t>GRASS/WOODS/843</t>
  </si>
  <si>
    <t>BRIGHT FIRE</t>
  </si>
  <si>
    <t xml:space="preserve">FOSTER RD  NAPA 9        </t>
  </si>
  <si>
    <t>724955-93227-2007.gz</t>
  </si>
  <si>
    <t>ACROSS FROM DUNLOW VFD</t>
  </si>
  <si>
    <t>MP 310</t>
  </si>
  <si>
    <t>726884-99999-2003.gz</t>
  </si>
  <si>
    <t>SWAMP FOX HWY</t>
  </si>
  <si>
    <t>720274-93799-2014.gz</t>
  </si>
  <si>
    <t>FY2011-CRAWFORD-032</t>
  </si>
  <si>
    <t>725493-04962-2014.gz</t>
  </si>
  <si>
    <t>SUMMIT #2</t>
  </si>
  <si>
    <t>FY2011-SCREVEN-109</t>
  </si>
  <si>
    <t>WILLIS ROAD</t>
  </si>
  <si>
    <t>BEARTRAP</t>
  </si>
  <si>
    <t>SCARBUROUGH</t>
  </si>
  <si>
    <t>722676-03035-2010.gz</t>
  </si>
  <si>
    <t>CRYSTAL01</t>
  </si>
  <si>
    <t>GUNHAMMER</t>
  </si>
  <si>
    <t>BARVO PAPA</t>
  </si>
  <si>
    <t>OWYHEE RIM</t>
  </si>
  <si>
    <t>FY2001-TIFT-102</t>
  </si>
  <si>
    <t>LAVA ROCK</t>
  </si>
  <si>
    <t>FY2016-SCREVEN-005</t>
  </si>
  <si>
    <t>BLACKJACK CIRCLE (08)</t>
  </si>
  <si>
    <t>BEAR VALLEY TRL  JONESVAL</t>
  </si>
  <si>
    <t>SUDBURY RIVER MARSH</t>
  </si>
  <si>
    <t>THIOKOL  HOLMGREN</t>
  </si>
  <si>
    <t>FM 214 &amp; CR 210</t>
  </si>
  <si>
    <t>KNIFECREEK</t>
  </si>
  <si>
    <t>MS1708</t>
  </si>
  <si>
    <t>SIDWALTER</t>
  </si>
  <si>
    <t>DELWIN TUTTIS FARM</t>
  </si>
  <si>
    <t>CRUMP LAKE</t>
  </si>
  <si>
    <t>MORGAN FIRE</t>
  </si>
  <si>
    <t>DEER CAMERA</t>
  </si>
  <si>
    <t>STEER CREEK 6</t>
  </si>
  <si>
    <t>BARN OWL</t>
  </si>
  <si>
    <t>FY2002-LEE-035</t>
  </si>
  <si>
    <t xml:space="preserve">VANDAM                   </t>
  </si>
  <si>
    <t>10155W25TH</t>
  </si>
  <si>
    <t>726427-99999-2003.gz</t>
  </si>
  <si>
    <t>OLD BLUE</t>
  </si>
  <si>
    <t>724556-13989-2006.gz</t>
  </si>
  <si>
    <t>PHILLIPS</t>
  </si>
  <si>
    <t xml:space="preserve">CANYON                   </t>
  </si>
  <si>
    <t>MS0    1010-4550111002</t>
  </si>
  <si>
    <t>703210-99999-1997.gz</t>
  </si>
  <si>
    <t>FY2000-MITCHELL-155</t>
  </si>
  <si>
    <t>SWANTON</t>
  </si>
  <si>
    <t>BOGGS RUN 2</t>
  </si>
  <si>
    <t>722225-03855-2007.gz</t>
  </si>
  <si>
    <t>727477-99999-2000.gz</t>
  </si>
  <si>
    <t>TRAILER BLOWOUT FIRE</t>
  </si>
  <si>
    <t>MARYS MOUNTAIN</t>
  </si>
  <si>
    <t>SING'BRIDG</t>
  </si>
  <si>
    <t>KITTANNING HOLLOW RD</t>
  </si>
  <si>
    <t>725175-64706-2014.gz</t>
  </si>
  <si>
    <t>PHILLIPS FORK FIRE</t>
  </si>
  <si>
    <t>MCPHAUL RD.</t>
  </si>
  <si>
    <t>727475-99999-1996.gz</t>
  </si>
  <si>
    <t>SLIDE ROCK</t>
  </si>
  <si>
    <t>ZION VISTA</t>
  </si>
  <si>
    <t>HERN</t>
  </si>
  <si>
    <t>LIVINGSTON - 110</t>
  </si>
  <si>
    <t>UNNAMED FIRE 0822</t>
  </si>
  <si>
    <t>BORROW</t>
  </si>
  <si>
    <t xml:space="preserve">MOUNTAIN MEADOW          </t>
  </si>
  <si>
    <t>BALE FIRE LARSON RD</t>
  </si>
  <si>
    <t>JORDAN CRATERS</t>
  </si>
  <si>
    <t>ARCHIES FORK</t>
  </si>
  <si>
    <t>ACHALWACHS</t>
  </si>
  <si>
    <t>724338-13802-2014.gz</t>
  </si>
  <si>
    <t>DAVIS ROAD-0173  (57)</t>
  </si>
  <si>
    <t>LIGHTHOUSE RD.</t>
  </si>
  <si>
    <t>HWY 11 W @ CR 4706</t>
  </si>
  <si>
    <t>722362-93937-2014.gz</t>
  </si>
  <si>
    <t>MS1614</t>
  </si>
  <si>
    <t>OFD GRASS FIRE</t>
  </si>
  <si>
    <t>SILVERLODE LN / SILVER BR</t>
  </si>
  <si>
    <t>CHOKE HOLD</t>
  </si>
  <si>
    <t>FY2002-NEWTON-055</t>
  </si>
  <si>
    <t>722167-03718-2010.gz</t>
  </si>
  <si>
    <t>SALEM</t>
  </si>
  <si>
    <t>JACKET</t>
  </si>
  <si>
    <t>FM 195 &amp; SUGARHILL RD</t>
  </si>
  <si>
    <t>722783-03185-2014.gz</t>
  </si>
  <si>
    <t>WW0213</t>
  </si>
  <si>
    <t>722537-12961-2006.gz</t>
  </si>
  <si>
    <t>RL 082</t>
  </si>
  <si>
    <t>POSSUM TRACK</t>
  </si>
  <si>
    <t>725086-54734-2015.gz</t>
  </si>
  <si>
    <t>CHILDRESS HILL #2</t>
  </si>
  <si>
    <t>722640-93035-2010.gz</t>
  </si>
  <si>
    <t xml:space="preserve">RD 14.5   MADERA_VALLEY  </t>
  </si>
  <si>
    <t>722405-13976-2002.gz</t>
  </si>
  <si>
    <t>SUNNY SOUTH</t>
  </si>
  <si>
    <t>722429-53910-2006.gz</t>
  </si>
  <si>
    <t>724275-14894-2010.gz</t>
  </si>
  <si>
    <t>TRAIN NO. 1</t>
  </si>
  <si>
    <t>STATE 30140A</t>
  </si>
  <si>
    <t>BLACKJACK-248</t>
  </si>
  <si>
    <t>FY2002-DECATUR-093</t>
  </si>
  <si>
    <t>NORTHCUTTS COVE 3 11 13</t>
  </si>
  <si>
    <t>KWEI KWEI</t>
  </si>
  <si>
    <t>HENDERSON - 93</t>
  </si>
  <si>
    <t>FY2015-LOWNDES-005</t>
  </si>
  <si>
    <t>BURKEHOLOW</t>
  </si>
  <si>
    <t>TANK CYN</t>
  </si>
  <si>
    <t>03-04-325 COUNTY LINE  FIRE-0856</t>
  </si>
  <si>
    <t>RL057</t>
  </si>
  <si>
    <t>720632-00218-2013.gz</t>
  </si>
  <si>
    <t>STRATON HOLLOW</t>
  </si>
  <si>
    <t>118895-02222-02252015-1924</t>
  </si>
  <si>
    <t>TOMBSTONE CREEK</t>
  </si>
  <si>
    <t xml:space="preserve">RUSSELL                  </t>
  </si>
  <si>
    <t>LIVINGSTON - 781</t>
  </si>
  <si>
    <t>181 PARNELL DRIVE, AL</t>
  </si>
  <si>
    <t>OR-MAF-202</t>
  </si>
  <si>
    <t>R DAYS</t>
  </si>
  <si>
    <t>ROCKRIDGE (53)</t>
  </si>
  <si>
    <t>721042-00486-2014.gz</t>
  </si>
  <si>
    <t>722055-12861-2007.gz</t>
  </si>
  <si>
    <t>BROKEN TILE (53) **</t>
  </si>
  <si>
    <t>REARING POND</t>
  </si>
  <si>
    <t>LITTLE MOOSE</t>
  </si>
  <si>
    <t>HOG FARM FIRE</t>
  </si>
  <si>
    <t>DOYLE TRUCK</t>
  </si>
  <si>
    <t>722253-53992-2010.gz</t>
  </si>
  <si>
    <t>BOARD CREEK</t>
  </si>
  <si>
    <t>726876-99999-2003.gz</t>
  </si>
  <si>
    <t>722265-13821-2009.gz</t>
  </si>
  <si>
    <t>DEERMTN</t>
  </si>
  <si>
    <t>725775-99999-2000.gz</t>
  </si>
  <si>
    <t>725116-54737-2010.gz</t>
  </si>
  <si>
    <t>STANLEY RD. N. OF BROOKWOOD, AL</t>
  </si>
  <si>
    <t>POOR FARM RD.</t>
  </si>
  <si>
    <t>I-20 @ 511 MM</t>
  </si>
  <si>
    <t>AZURE</t>
  </si>
  <si>
    <t>VA-NC</t>
  </si>
  <si>
    <t>BARNUM ROAD</t>
  </si>
  <si>
    <t>SILVERADO TRL  YOUNTVI 48</t>
  </si>
  <si>
    <t>WOODVILLE - 76</t>
  </si>
  <si>
    <t>SAND RUN</t>
  </si>
  <si>
    <t>DRAGOON</t>
  </si>
  <si>
    <t>722730-03124-1999.gz</t>
  </si>
  <si>
    <t>WF-18-JOE KING</t>
  </si>
  <si>
    <t>FY2001-CRAWFORD-014</t>
  </si>
  <si>
    <t xml:space="preserve">8396 SHERMAN </t>
  </si>
  <si>
    <t>SOUTH KEYS</t>
  </si>
  <si>
    <t>VARNEY CEM</t>
  </si>
  <si>
    <t>HOOKER #2</t>
  </si>
  <si>
    <t>MUD HILL</t>
  </si>
  <si>
    <t>722275-99999-2005.gz</t>
  </si>
  <si>
    <t>LONDON</t>
  </si>
  <si>
    <t>994420-99999-1999.gz</t>
  </si>
  <si>
    <t>I15 MILE 28</t>
  </si>
  <si>
    <t>722429-99999-1995.gz</t>
  </si>
  <si>
    <t>OSO</t>
  </si>
  <si>
    <t>MAUDE LAKE</t>
  </si>
  <si>
    <t xml:space="preserve">UNION PACIFIC #6         </t>
  </si>
  <si>
    <t>FY2011-COLQUITT-068</t>
  </si>
  <si>
    <t>WINGATE</t>
  </si>
  <si>
    <t>MS0    1010-3341006003</t>
  </si>
  <si>
    <t>ENGINE</t>
  </si>
  <si>
    <t>WEST CAMP</t>
  </si>
  <si>
    <t>723755-03103-1994.gz</t>
  </si>
  <si>
    <t>725484-04942-2014.gz</t>
  </si>
  <si>
    <t>FISHER FIRE 2</t>
  </si>
  <si>
    <t>722322-99999-2004.gz</t>
  </si>
  <si>
    <t>FISHWOOD</t>
  </si>
  <si>
    <t>BEANS FORK</t>
  </si>
  <si>
    <t>WNA 8</t>
  </si>
  <si>
    <t>746930-93737-2005.gz</t>
  </si>
  <si>
    <t>BARE BUTTE</t>
  </si>
  <si>
    <t>723625-93057-1995.gz</t>
  </si>
  <si>
    <t>TIGER 2</t>
  </si>
  <si>
    <t>SECOND</t>
  </si>
  <si>
    <t>ROCK REST ROAD</t>
  </si>
  <si>
    <t>CR 2886 FIRE 08/14/2012</t>
  </si>
  <si>
    <t>BILGER CREEK</t>
  </si>
  <si>
    <t>723126-99999-2014.gz</t>
  </si>
  <si>
    <t>723489-03935-1998.gz</t>
  </si>
  <si>
    <t>726163-54770-2008.gz</t>
  </si>
  <si>
    <t>TELEPHONE</t>
  </si>
  <si>
    <t>ROCKY HOLLOW</t>
  </si>
  <si>
    <t>723260-13891-1996.gz</t>
  </si>
  <si>
    <t>OKLAHOMA</t>
  </si>
  <si>
    <t>LEIGH CREEK</t>
  </si>
  <si>
    <t>CR 496</t>
  </si>
  <si>
    <t>FISHERMAN CREEK</t>
  </si>
  <si>
    <t>146 days 00:00:00.000000000</t>
  </si>
  <si>
    <t>FM 98-2</t>
  </si>
  <si>
    <t>BJUGSTAD RAILROAD</t>
  </si>
  <si>
    <t>727573-94928-2011.gz</t>
  </si>
  <si>
    <t>727790-24146-2001.gz</t>
  </si>
  <si>
    <t>723527-13975-2002.gz</t>
  </si>
  <si>
    <t>THAE</t>
  </si>
  <si>
    <t>FY2012-CHATTOOGA-004</t>
  </si>
  <si>
    <t>CEPTER</t>
  </si>
  <si>
    <t>OTA 69</t>
  </si>
  <si>
    <t>MENDANHALL</t>
  </si>
  <si>
    <t>FY2015-MURRAY-003</t>
  </si>
  <si>
    <t>EKROTH</t>
  </si>
  <si>
    <t xml:space="preserve">SHERIDAN                 </t>
  </si>
  <si>
    <t>724946-99999-1995.gz</t>
  </si>
  <si>
    <t>724085-94732-2005.gz</t>
  </si>
  <si>
    <t>722108-99999-2002.gz</t>
  </si>
  <si>
    <t>723350-13877-2007.gz</t>
  </si>
  <si>
    <t>CANYON FIRE</t>
  </si>
  <si>
    <t>FY2002-GLYNN-010</t>
  </si>
  <si>
    <t>DEMA</t>
  </si>
  <si>
    <t xml:space="preserve">FRENCH                   </t>
  </si>
  <si>
    <t>SWR-20150307-001</t>
  </si>
  <si>
    <t>NOVOTNY AND WAGNER</t>
  </si>
  <si>
    <t>SOUTH MYSTERY</t>
  </si>
  <si>
    <t>702625-99999-2008.gz</t>
  </si>
  <si>
    <t>HOG SHOOTER</t>
  </si>
  <si>
    <t>VALENTINE FIRE</t>
  </si>
  <si>
    <t>KEN PLOT</t>
  </si>
  <si>
    <t>ELAINE</t>
  </si>
  <si>
    <t>PP D6931 HOLLAND LOOP</t>
  </si>
  <si>
    <t>KOKRINES HILLES</t>
  </si>
  <si>
    <t>701730-26535-2012.gz</t>
  </si>
  <si>
    <t>CASE COMBINE</t>
  </si>
  <si>
    <t>FY2011-LONG-070</t>
  </si>
  <si>
    <t>MS0    1111-2040611006</t>
  </si>
  <si>
    <t>720769-99999-2011.gz</t>
  </si>
  <si>
    <t>MS0    1010-5741029002</t>
  </si>
  <si>
    <t>727856-94176-2006.gz</t>
  </si>
  <si>
    <t>BOOZE</t>
  </si>
  <si>
    <t>LIVINGSTON - 933</t>
  </si>
  <si>
    <t>SWR-20130316-015</t>
  </si>
  <si>
    <t>722429-53910-2015.gz</t>
  </si>
  <si>
    <t>726516-24024-2011.gz</t>
  </si>
  <si>
    <t>SCARY PILE</t>
  </si>
  <si>
    <t>740035-03145-2011.gz</t>
  </si>
  <si>
    <t>LIVINGSTON - 298</t>
  </si>
  <si>
    <t xml:space="preserve">TRIPPLE                  </t>
  </si>
  <si>
    <t>725848-99999-2004.gz</t>
  </si>
  <si>
    <t xml:space="preserve">TUOLUMNE                 </t>
  </si>
  <si>
    <t>KINLEY</t>
  </si>
  <si>
    <t>BASS CAT</t>
  </si>
  <si>
    <t>ROLLING HILL DRIVE</t>
  </si>
  <si>
    <t>723193-93807-2014.gz</t>
  </si>
  <si>
    <t>FY2002-COFFEE-075</t>
  </si>
  <si>
    <t>FY2002-WHEELER-058</t>
  </si>
  <si>
    <t xml:space="preserve"> USFS ROAD 913, AL</t>
  </si>
  <si>
    <t>US HWY 83/GARCENO RD.</t>
  </si>
  <si>
    <t>COONEY</t>
  </si>
  <si>
    <t>136 days 00:00:00.000000000</t>
  </si>
  <si>
    <t>724113-53881-2012.gz</t>
  </si>
  <si>
    <t>FY2012-CHARLTON-010</t>
  </si>
  <si>
    <t>FY2013-LONG-017</t>
  </si>
  <si>
    <t>FY2000-TELFAIR-092</t>
  </si>
  <si>
    <t>MANZANITA PARK RD  BEA 21</t>
  </si>
  <si>
    <t>E SANDY MUSH RD / HWY  11</t>
  </si>
  <si>
    <t>GOLD MINE</t>
  </si>
  <si>
    <t>722132-63801-2015.gz</t>
  </si>
  <si>
    <t>HOWARD HOLLOW</t>
  </si>
  <si>
    <t>HINDS</t>
  </si>
  <si>
    <t>FIREBIRD</t>
  </si>
  <si>
    <t>RICHTER AND GREGGS</t>
  </si>
  <si>
    <t>1105 E. HILL</t>
  </si>
  <si>
    <t>WALKER BOT</t>
  </si>
  <si>
    <t>NURSERYFIRE</t>
  </si>
  <si>
    <t>726170-14742-2009.gz</t>
  </si>
  <si>
    <t xml:space="preserve">ESCOBAR                  </t>
  </si>
  <si>
    <t xml:space="preserve">PG&amp;E READING #2          </t>
  </si>
  <si>
    <t>VAN LEAR (MILLERS CREEK)</t>
  </si>
  <si>
    <t>BURNT POLLY</t>
  </si>
  <si>
    <t>CHICKEN RIDGE</t>
  </si>
  <si>
    <t>HWY 77 ROADSIDE FIRE</t>
  </si>
  <si>
    <t>FY2002-RANDOLPH-001</t>
  </si>
  <si>
    <t>CABIN AREA</t>
  </si>
  <si>
    <t>CATAMARAN(35)</t>
  </si>
  <si>
    <t xml:space="preserve">PLATINA                  </t>
  </si>
  <si>
    <t>1200 W FM 461</t>
  </si>
  <si>
    <t>BLACKSMITH FIRE</t>
  </si>
  <si>
    <t>FORT RANCH</t>
  </si>
  <si>
    <t xml:space="preserve">CEMETARY                 </t>
  </si>
  <si>
    <t>NUEVO</t>
  </si>
  <si>
    <t>BROWN (49)</t>
  </si>
  <si>
    <t>MS0    0909-2080209002</t>
  </si>
  <si>
    <t>LUCKY CHARM</t>
  </si>
  <si>
    <t>726465-99999-1994.gz</t>
  </si>
  <si>
    <t>723439-99999-2004.gz</t>
  </si>
  <si>
    <t>FY2001-JEFFERSON-014</t>
  </si>
  <si>
    <t>994170-99999-1994.gz</t>
  </si>
  <si>
    <t>GRASS/WOODS</t>
  </si>
  <si>
    <t>CHERRY GROVE 2</t>
  </si>
  <si>
    <t>726881-94273-2008.gz</t>
  </si>
  <si>
    <t xml:space="preserve">P.G. &amp; E #16             </t>
  </si>
  <si>
    <t>TRASH FIRE- LAVENDER RD</t>
  </si>
  <si>
    <t>SPRING CR.</t>
  </si>
  <si>
    <t>744666-53944-2008.gz</t>
  </si>
  <si>
    <t>FLEA (51)</t>
  </si>
  <si>
    <t>SUMMIT VIEW</t>
  </si>
  <si>
    <t>GOODWIN RD (03)</t>
  </si>
  <si>
    <t>I-27 &amp; SUNDOWN</t>
  </si>
  <si>
    <t>MUD FORK</t>
  </si>
  <si>
    <t>NAGYEAL</t>
  </si>
  <si>
    <t>745431-03998-2011.gz</t>
  </si>
  <si>
    <t>LIVINGSTON - 309</t>
  </si>
  <si>
    <t>ALLEN HOUSING</t>
  </si>
  <si>
    <t>GIBSON FIRE</t>
  </si>
  <si>
    <t>MALLOY</t>
  </si>
  <si>
    <t>724988-94704-2008.gz</t>
  </si>
  <si>
    <t>SNOW GLOVE</t>
  </si>
  <si>
    <t>SHOULDER STRAP</t>
  </si>
  <si>
    <t>726525-99999-2003.gz</t>
  </si>
  <si>
    <t>DOLANS TRAP WFU</t>
  </si>
  <si>
    <t>725810-24193-2008.gz</t>
  </si>
  <si>
    <t>WILNER</t>
  </si>
  <si>
    <t>744976-99999-1992.gz</t>
  </si>
  <si>
    <t>THE MEMORIAL FIRE</t>
  </si>
  <si>
    <t>722039-99999-2003.gz</t>
  </si>
  <si>
    <t>MS0    1010-2800115003</t>
  </si>
  <si>
    <t>HELPER</t>
  </si>
  <si>
    <t>LINDEN - 68</t>
  </si>
  <si>
    <t>RED LAKE 052</t>
  </si>
  <si>
    <t>BARK ROAD</t>
  </si>
  <si>
    <t>ASH DRAW</t>
  </si>
  <si>
    <t>REEDY CREEK FIRE</t>
  </si>
  <si>
    <t>BAD EGG</t>
  </si>
  <si>
    <t>MT. PLEASANT ROAD</t>
  </si>
  <si>
    <t>720408-00136-2012.gz</t>
  </si>
  <si>
    <t>OLD RT. 75</t>
  </si>
  <si>
    <t>CINNABAR</t>
  </si>
  <si>
    <t>722286-99999-2003.gz</t>
  </si>
  <si>
    <t>RT 92</t>
  </si>
  <si>
    <t>724115-93757-2015.gz</t>
  </si>
  <si>
    <t>RL231</t>
  </si>
  <si>
    <t>MUSKRAT</t>
  </si>
  <si>
    <t>742071-99999-2009.gz</t>
  </si>
  <si>
    <t>720579-99999-2012.gz</t>
  </si>
  <si>
    <t>722215-13884-2003.gz</t>
  </si>
  <si>
    <t>THIRTEEN</t>
  </si>
  <si>
    <t>NEWELLTOWN</t>
  </si>
  <si>
    <t>VILLAGE DR.</t>
  </si>
  <si>
    <t>BURNETT WF</t>
  </si>
  <si>
    <t>SLOPE PILE</t>
  </si>
  <si>
    <t>BALAKAI MESA 1</t>
  </si>
  <si>
    <t>HAGERMAN/ LG REED</t>
  </si>
  <si>
    <t>THOMISON</t>
  </si>
  <si>
    <t xml:space="preserve">BRAYDIS                  </t>
  </si>
  <si>
    <t>723165-63821-2006.gz</t>
  </si>
  <si>
    <t>725046-99999-2001.gz</t>
  </si>
  <si>
    <t>301-C</t>
  </si>
  <si>
    <t xml:space="preserve">FKU 12417                </t>
  </si>
  <si>
    <t>SPITTOON</t>
  </si>
  <si>
    <t>LOOKING GLASS</t>
  </si>
  <si>
    <t>WATT</t>
  </si>
  <si>
    <t>96 NORTHBOUND</t>
  </si>
  <si>
    <t>722275-99999-1997.gz</t>
  </si>
  <si>
    <t>LA CASITA</t>
  </si>
  <si>
    <t>ROYBAL</t>
  </si>
  <si>
    <t xml:space="preserve">CVT                      </t>
  </si>
  <si>
    <t>722220-99999-2008.gz</t>
  </si>
  <si>
    <t xml:space="preserve">I-5 #3                   </t>
  </si>
  <si>
    <t>727873-99999-1996.gz</t>
  </si>
  <si>
    <t>NWR-20120318-008</t>
  </si>
  <si>
    <t>ZOCH TRANSFORMER</t>
  </si>
  <si>
    <t>STATE OF TEXAS</t>
  </si>
  <si>
    <t>726557-14910-1994.gz</t>
  </si>
  <si>
    <t>725636-24017-1995.gz</t>
  </si>
  <si>
    <t>EAGLES NEST</t>
  </si>
  <si>
    <t>NER-20120414-006</t>
  </si>
  <si>
    <t>FY2001-WAYNE-093</t>
  </si>
  <si>
    <t>WEST FORK RIVER RT. 19</t>
  </si>
  <si>
    <t>HIGHWAY 58</t>
  </si>
  <si>
    <t>GRAHAM PK</t>
  </si>
  <si>
    <t>HOBO</t>
  </si>
  <si>
    <t>CR 4514</t>
  </si>
  <si>
    <t>41-BUCKEYE 1 FIRE-0034</t>
  </si>
  <si>
    <t>997701-99999-2010.gz</t>
  </si>
  <si>
    <t>SMITH FIRE</t>
  </si>
  <si>
    <t>OTA 124</t>
  </si>
  <si>
    <t>LEFFLER  (64)</t>
  </si>
  <si>
    <t>LUPE</t>
  </si>
  <si>
    <t>TOM SOUTH</t>
  </si>
  <si>
    <t>JALAMA</t>
  </si>
  <si>
    <t>722141-03731-2007.gz</t>
  </si>
  <si>
    <t>MILLER'S RUN</t>
  </si>
  <si>
    <t>COWHOUSE 07-1</t>
  </si>
  <si>
    <t>COYOTE MTN</t>
  </si>
  <si>
    <t>FY2000-EARLY-130</t>
  </si>
  <si>
    <t>724339-03865-2010.gz</t>
  </si>
  <si>
    <t>RL162</t>
  </si>
  <si>
    <t>POLAR RD</t>
  </si>
  <si>
    <t>DEES</t>
  </si>
  <si>
    <t>723677-23054-1997.gz</t>
  </si>
  <si>
    <t>MS0    1111-5570215004</t>
  </si>
  <si>
    <t>PALLET</t>
  </si>
  <si>
    <t>CR 325 BALER</t>
  </si>
  <si>
    <t>SLOW</t>
  </si>
  <si>
    <t>SKYWAY</t>
  </si>
  <si>
    <t>FY2016-APPLING-008</t>
  </si>
  <si>
    <t>723160-13870-2015.gz</t>
  </si>
  <si>
    <t>LE FLORE</t>
  </si>
  <si>
    <t>FY2011-HARALSON-066</t>
  </si>
  <si>
    <t>BLM1</t>
  </si>
  <si>
    <t>PETTIFORD 58 FIRE</t>
  </si>
  <si>
    <t>GIRKIN WOO</t>
  </si>
  <si>
    <t>746716-93808-2012.gz</t>
  </si>
  <si>
    <t>RL 362</t>
  </si>
  <si>
    <t>VARGAS</t>
  </si>
  <si>
    <t>745090-23244-2015.gz</t>
  </si>
  <si>
    <t>GUS ANDREWS</t>
  </si>
  <si>
    <t>LOGGERHEAD RIDGE</t>
  </si>
  <si>
    <t>727478-99999-1994.gz</t>
  </si>
  <si>
    <t>TRESSEL FIRE</t>
  </si>
  <si>
    <t>LOWER POLLOCK</t>
  </si>
  <si>
    <t>WASSAW NORTH #1</t>
  </si>
  <si>
    <t>724373-03868-2005.gz</t>
  </si>
  <si>
    <t>MS0    0808-4241214001</t>
  </si>
  <si>
    <t>727508-54915-2007.gz</t>
  </si>
  <si>
    <t>HERON BAYO</t>
  </si>
  <si>
    <t>723555-99999-1996.gz</t>
  </si>
  <si>
    <t>ALBRITTON (53)</t>
  </si>
  <si>
    <t>SWR-20151017-007</t>
  </si>
  <si>
    <t>RAYBURN (05)</t>
  </si>
  <si>
    <t>SEC36</t>
  </si>
  <si>
    <t>BOTTLE ROCKET</t>
  </si>
  <si>
    <t>747915-93718-2006.gz</t>
  </si>
  <si>
    <t>GRIFFIN MARSH FIRE</t>
  </si>
  <si>
    <t>722405-13976-1999.gz</t>
  </si>
  <si>
    <t>FY2001-TROUP-022</t>
  </si>
  <si>
    <t>WIDOW CREEK 2</t>
  </si>
  <si>
    <t>JADACK FIRE</t>
  </si>
  <si>
    <t>FY2001-JEFF DAVIS-027</t>
  </si>
  <si>
    <t xml:space="preserve">KERRYDALE                </t>
  </si>
  <si>
    <t>725940-99999-2002.gz</t>
  </si>
  <si>
    <t>PRIMROSE</t>
  </si>
  <si>
    <t>HENDERSON - 399</t>
  </si>
  <si>
    <t>GOOD SADDLE</t>
  </si>
  <si>
    <t>722044-53930-2014.gz</t>
  </si>
  <si>
    <t>COWAND ROAD</t>
  </si>
  <si>
    <t>723074-03703-2013.gz</t>
  </si>
  <si>
    <t>FY2001-UPSON-030</t>
  </si>
  <si>
    <t>726510-14944-2003.gz</t>
  </si>
  <si>
    <t>743312-53925-2009.gz</t>
  </si>
  <si>
    <t>725847-93230-2008.gz</t>
  </si>
  <si>
    <t>BEAR PEN</t>
  </si>
  <si>
    <t>FY2016-CATOOSA-001</t>
  </si>
  <si>
    <t>85TH AVE(42)</t>
  </si>
  <si>
    <t>722055-12861-2012.gz</t>
  </si>
  <si>
    <t>FY2001-BARTOW-031</t>
  </si>
  <si>
    <t>EASTER TWO</t>
  </si>
  <si>
    <t>FY2012-EMANUEL-049</t>
  </si>
  <si>
    <t>724502-99999-2000.gz</t>
  </si>
  <si>
    <t>GLADESVILLE</t>
  </si>
  <si>
    <t>722024-12882-2007.gz</t>
  </si>
  <si>
    <t>TATTON FIRE</t>
  </si>
  <si>
    <t>RAIL ROAD</t>
  </si>
  <si>
    <t>YOUNGBIRD</t>
  </si>
  <si>
    <t>165 STONEY BROOK DR</t>
  </si>
  <si>
    <t>GOLFHILLTP</t>
  </si>
  <si>
    <t xml:space="preserve">IDA                      </t>
  </si>
  <si>
    <t>STUVER CREEK</t>
  </si>
  <si>
    <t>702910-26412-2010.gz</t>
  </si>
  <si>
    <t>SHINEWELL</t>
  </si>
  <si>
    <t>GREEKS</t>
  </si>
  <si>
    <t>MS0    1111-6680123001</t>
  </si>
  <si>
    <t>722416-12971-2007.gz</t>
  </si>
  <si>
    <t>TULLOCH</t>
  </si>
  <si>
    <t>JOJOLA</t>
  </si>
  <si>
    <t>723650-23050-2008.gz</t>
  </si>
  <si>
    <t>FY2012-COFFEE-070</t>
  </si>
  <si>
    <t>CLARK BRANCH II</t>
  </si>
  <si>
    <t>LD2207</t>
  </si>
  <si>
    <t>FY2002-FLOYD-031</t>
  </si>
  <si>
    <t>TENNYSON RD. AND  FM 1692</t>
  </si>
  <si>
    <t>722225-03855-2006.gz</t>
  </si>
  <si>
    <t>727514-99999-2002.gz</t>
  </si>
  <si>
    <t>OLD ROAD</t>
  </si>
  <si>
    <t>EC20146</t>
  </si>
  <si>
    <t>MUSTANG LANE</t>
  </si>
  <si>
    <t>FM 67</t>
  </si>
  <si>
    <t>MARY C ROAD FIRE</t>
  </si>
  <si>
    <t>FROST</t>
  </si>
  <si>
    <t>FY2002-BULLOCH-071</t>
  </si>
  <si>
    <t>FY2000-BROOKS-111</t>
  </si>
  <si>
    <t>722867-23156-1997.gz</t>
  </si>
  <si>
    <t>HENDERSON - 103</t>
  </si>
  <si>
    <t>720303-53973-2007.gz</t>
  </si>
  <si>
    <t>MS0    1010-4200419002</t>
  </si>
  <si>
    <t>COUNTRY PLACE (43)</t>
  </si>
  <si>
    <t>FM 8 BRUSH PILE TEARAL</t>
  </si>
  <si>
    <t>EAST HIGH PASS RD.</t>
  </si>
  <si>
    <t>R254</t>
  </si>
  <si>
    <t>HEWY FIELD</t>
  </si>
  <si>
    <t>RED LAKE 346</t>
  </si>
  <si>
    <t>727486-04983-2011.gz</t>
  </si>
  <si>
    <t>727344-99999-1995.gz</t>
  </si>
  <si>
    <t>THUNDER BUTTE</t>
  </si>
  <si>
    <t>TURNOFF</t>
  </si>
  <si>
    <t>HOSTLER #3</t>
  </si>
  <si>
    <t>723069-99999-1991.gz</t>
  </si>
  <si>
    <t>KYOTO</t>
  </si>
  <si>
    <t>722748-99999-2002.gz</t>
  </si>
  <si>
    <t>DITCH 2</t>
  </si>
  <si>
    <t>NORMAN LOVESCOV</t>
  </si>
  <si>
    <t>MS0    1111-2350605001</t>
  </si>
  <si>
    <t xml:space="preserve">RANCH                    </t>
  </si>
  <si>
    <t>E-FRONTAGE</t>
  </si>
  <si>
    <t>FISHHOOK</t>
  </si>
  <si>
    <t>PHEONIX SET 96-1</t>
  </si>
  <si>
    <t>727504-99999-2003.gz</t>
  </si>
  <si>
    <t>LANG</t>
  </si>
  <si>
    <t>FY2001-BLECKLEY-038</t>
  </si>
  <si>
    <t>EARTH 4</t>
  </si>
  <si>
    <t>CR 181</t>
  </si>
  <si>
    <t>725566-04957-2006.gz</t>
  </si>
  <si>
    <t>2013-15781</t>
  </si>
  <si>
    <t>HAY FIRE</t>
  </si>
  <si>
    <t>723446-13971-2003.gz</t>
  </si>
  <si>
    <t xml:space="preserve">TRAIL RIDE RD  MT_DIABLO </t>
  </si>
  <si>
    <t>722012-92817-2007.gz</t>
  </si>
  <si>
    <t>WARFIELD</t>
  </si>
  <si>
    <t>SWINGER</t>
  </si>
  <si>
    <t>DOWNEY WEST</t>
  </si>
  <si>
    <t>FY2000-PUTNAM-029</t>
  </si>
  <si>
    <t>ROD AND GUN CLUB (36)</t>
  </si>
  <si>
    <t>723447-99999-2001.gz</t>
  </si>
  <si>
    <t>PEMA RIDGE</t>
  </si>
  <si>
    <t>TOWER ROAD #2</t>
  </si>
  <si>
    <t>RAW HIDE</t>
  </si>
  <si>
    <t>CHICAGO</t>
  </si>
  <si>
    <t>FATBOY</t>
  </si>
  <si>
    <t>725472-94989-2009.gz</t>
  </si>
  <si>
    <t>GORDER HOLMGREW</t>
  </si>
  <si>
    <t>724796-99999-1994.gz</t>
  </si>
  <si>
    <t>HWY 164 (17)</t>
  </si>
  <si>
    <t>DENNISON FORK</t>
  </si>
  <si>
    <t>HARD BOILED</t>
  </si>
  <si>
    <t>678 1ST AV</t>
  </si>
  <si>
    <t>KRYSTAL</t>
  </si>
  <si>
    <t>ANGORA LANE FIRE</t>
  </si>
  <si>
    <t>WINGLETON FIRE</t>
  </si>
  <si>
    <t>SIX MILE</t>
  </si>
  <si>
    <t>PANAM FIRE</t>
  </si>
  <si>
    <t>722516-12928-2008.gz</t>
  </si>
  <si>
    <t>FY2011-THOMAS-089</t>
  </si>
  <si>
    <t>NAHAHUM</t>
  </si>
  <si>
    <t>WEEKEND NIGHTMARE</t>
  </si>
  <si>
    <t>726504-99999-1998.gz</t>
  </si>
  <si>
    <t>MILLARD WEST BENCH</t>
  </si>
  <si>
    <t>LEE WILLIAMS ROAD</t>
  </si>
  <si>
    <t>726404-99999-1994.gz</t>
  </si>
  <si>
    <t>CO RD 6 STATE ASSIST</t>
  </si>
  <si>
    <t>FY2013-WORTH-009</t>
  </si>
  <si>
    <t>TRAILOR</t>
  </si>
  <si>
    <t>RL 090</t>
  </si>
  <si>
    <t>725283-00465-2013.gz</t>
  </si>
  <si>
    <t>SWEET GUM FIRE</t>
  </si>
  <si>
    <t>VICTORY BAPTIST CHURCH</t>
  </si>
  <si>
    <t>PALMVIEW PILES</t>
  </si>
  <si>
    <t>722640-93035-2008.gz</t>
  </si>
  <si>
    <t>MT. HOLDEN</t>
  </si>
  <si>
    <t>726358-99999-1992.gz</t>
  </si>
  <si>
    <t>395 SOUTH</t>
  </si>
  <si>
    <t>727873-99999-2004.gz</t>
  </si>
  <si>
    <t>VANNOY ROAD FIRE</t>
  </si>
  <si>
    <t>723165-63821-2012.gz</t>
  </si>
  <si>
    <t>DEER CAMP</t>
  </si>
  <si>
    <t>116510-00703-01152015-1440</t>
  </si>
  <si>
    <t>SEA7578958</t>
  </si>
  <si>
    <t>FY2000-THOMAS-069</t>
  </si>
  <si>
    <t>GIBRALTAR RIDGE</t>
  </si>
  <si>
    <t>724586-03919-2015.gz</t>
  </si>
  <si>
    <t>LATIMER 17321</t>
  </si>
  <si>
    <t>725125-04787-2010.gz</t>
  </si>
  <si>
    <t>GRAND TRAVERSE 07</t>
  </si>
  <si>
    <t>726387-14850-2012.gz</t>
  </si>
  <si>
    <t xml:space="preserve">MONTE VISTA              </t>
  </si>
  <si>
    <t>RT. 38</t>
  </si>
  <si>
    <t>PERFUME</t>
  </si>
  <si>
    <t>DUNS 2</t>
  </si>
  <si>
    <t>727474-99999-2001.gz</t>
  </si>
  <si>
    <t>TIBBS TRACTOR</t>
  </si>
  <si>
    <t>BLACKTAIL 3</t>
  </si>
  <si>
    <t>ALLRED</t>
  </si>
  <si>
    <t>RABBIT RUN-64</t>
  </si>
  <si>
    <t>SULPHUR SPRING</t>
  </si>
  <si>
    <t>GROUSE FIRE</t>
  </si>
  <si>
    <t>GRASS FIRE 1440 CR 2400</t>
  </si>
  <si>
    <t>MAIER</t>
  </si>
  <si>
    <t>726450-14898-1995.gz</t>
  </si>
  <si>
    <t>369 BEHRENS SCHOOL RD/OLD PONTOTOC RD</t>
  </si>
  <si>
    <t>724019-93773-2006.gz</t>
  </si>
  <si>
    <t>992290-99999-1994.gz</t>
  </si>
  <si>
    <t>R88</t>
  </si>
  <si>
    <t>RIVER I-8</t>
  </si>
  <si>
    <t xml:space="preserve">FKU-4429                 </t>
  </si>
  <si>
    <t>CPCC LANE</t>
  </si>
  <si>
    <t>MOS BLAKE</t>
  </si>
  <si>
    <t>WARD MT RD #1</t>
  </si>
  <si>
    <t>720278-03704-2015.gz</t>
  </si>
  <si>
    <t>724240-99999-2000.gz</t>
  </si>
  <si>
    <t>251 COLLEGE ST., AL</t>
  </si>
  <si>
    <t>722238-63873-2010.gz</t>
  </si>
  <si>
    <t>KNOTTINGHAM</t>
  </si>
  <si>
    <t>FRISBY</t>
  </si>
  <si>
    <t>FY2002-DOUGHERTY-023</t>
  </si>
  <si>
    <t>726626-99999-1997.gz</t>
  </si>
  <si>
    <t>PLATINA</t>
  </si>
  <si>
    <t>724760-23066-2013.gz</t>
  </si>
  <si>
    <t>WOLF DEN FIRE</t>
  </si>
  <si>
    <t>FY2015-MACON-009</t>
  </si>
  <si>
    <t>POLLIT</t>
  </si>
  <si>
    <t>724838-99999-2005.gz</t>
  </si>
  <si>
    <t>AIRPORT 2</t>
  </si>
  <si>
    <t>SLIMON</t>
  </si>
  <si>
    <t>SWR-20141121-002</t>
  </si>
  <si>
    <t>720273-12981-2007.gz</t>
  </si>
  <si>
    <t>MAES</t>
  </si>
  <si>
    <t>FY2000-GWINNETT-010</t>
  </si>
  <si>
    <t>COUNTY Y HOLDOVER</t>
  </si>
  <si>
    <t>JAMES RAY</t>
  </si>
  <si>
    <t>LIVINGSTON - 704</t>
  </si>
  <si>
    <t>PADRE</t>
  </si>
  <si>
    <t>723627-23081-2015.gz</t>
  </si>
  <si>
    <t>LELA FIRE</t>
  </si>
  <si>
    <t>OLD BROCK ROAD</t>
  </si>
  <si>
    <t>COPPLE #1</t>
  </si>
  <si>
    <t>HERMS 290</t>
  </si>
  <si>
    <t>724586-03919-2014.gz</t>
  </si>
  <si>
    <t>FENCE FIRE</t>
  </si>
  <si>
    <t>CR 304 &amp; HWY 16</t>
  </si>
  <si>
    <t>722068-99999-1993.gz</t>
  </si>
  <si>
    <t>FY2014-COLQUITT-027</t>
  </si>
  <si>
    <t>720712-00250-2014.gz</t>
  </si>
  <si>
    <t>SOUTH PETERSON</t>
  </si>
  <si>
    <t>GLOBE MTN. COMPLEX</t>
  </si>
  <si>
    <t>11/SHOP BLOCK FIRE</t>
  </si>
  <si>
    <t>722038-12897-2010.gz</t>
  </si>
  <si>
    <t>722104-92806-2003.gz</t>
  </si>
  <si>
    <t>LUNDERMAN</t>
  </si>
  <si>
    <t>COOL BREEZE</t>
  </si>
  <si>
    <t>727923-94225-2008.gz</t>
  </si>
  <si>
    <t>724077-54779-2012.gz</t>
  </si>
  <si>
    <t xml:space="preserve">HURON CITY #26           </t>
  </si>
  <si>
    <t>A SCHAGUN</t>
  </si>
  <si>
    <t>C-BALL NE</t>
  </si>
  <si>
    <t>727640-24011-2007.gz</t>
  </si>
  <si>
    <t>GIBBS</t>
  </si>
  <si>
    <t>KOUNTZE FIRE</t>
  </si>
  <si>
    <t>FEEDER FIRE</t>
  </si>
  <si>
    <t xml:space="preserve">TURNER                   </t>
  </si>
  <si>
    <t>DOBSON 1</t>
  </si>
  <si>
    <t>SER-20140526-001</t>
  </si>
  <si>
    <t>724769-94035-2010.gz</t>
  </si>
  <si>
    <t>FOREST</t>
  </si>
  <si>
    <t>LIGHTENING</t>
  </si>
  <si>
    <t>720278-03704-2013.gz</t>
  </si>
  <si>
    <t>724450-03945-1994.gz</t>
  </si>
  <si>
    <t>VESSEY Y</t>
  </si>
  <si>
    <t>SYCAMORE CREEK</t>
  </si>
  <si>
    <t>HOT CORN 11-026</t>
  </si>
  <si>
    <t>726530-94943-2011.gz</t>
  </si>
  <si>
    <t>FY2014-LIBERTY-009</t>
  </si>
  <si>
    <t>DAY</t>
  </si>
  <si>
    <t>4603 FM 1603 FIRE</t>
  </si>
  <si>
    <t>997306-99999-2013.gz</t>
  </si>
  <si>
    <t>724800-23157-2000.gz</t>
  </si>
  <si>
    <t>HAYBALER FIRE</t>
  </si>
  <si>
    <t>LD2216</t>
  </si>
  <si>
    <t>TURKEY SHOOT</t>
  </si>
  <si>
    <t>MS0    0808-5450209019</t>
  </si>
  <si>
    <t>723443-53955-2008.gz</t>
  </si>
  <si>
    <t>FALLS CANYON</t>
  </si>
  <si>
    <t>727475-04940-2013.gz</t>
  </si>
  <si>
    <t>CURRY HAYWOOD FIRE</t>
  </si>
  <si>
    <t>COMMUNITY ROAD FIRE</t>
  </si>
  <si>
    <t>BARTRAM TRAIL HIGH  ( 55)</t>
  </si>
  <si>
    <t>722065-93837-2011.gz</t>
  </si>
  <si>
    <t>911700-22508-2009.gz</t>
  </si>
  <si>
    <t>OXKILLER</t>
  </si>
  <si>
    <t>TOBEYVILLE</t>
  </si>
  <si>
    <t>720639-00225-2012.gz</t>
  </si>
  <si>
    <t>725970-24225-2015.gz</t>
  </si>
  <si>
    <t>PLANK ROAD</t>
  </si>
  <si>
    <t>725140-14778-2015.gz</t>
  </si>
  <si>
    <t>WF-64 MEMORY TRACK</t>
  </si>
  <si>
    <t>747946-12886-2010.gz</t>
  </si>
  <si>
    <t>NOR-20150119-004</t>
  </si>
  <si>
    <t>BREMMER</t>
  </si>
  <si>
    <t>LAKE ST.</t>
  </si>
  <si>
    <t>725337-99999-2000.gz</t>
  </si>
  <si>
    <t>ROLFS</t>
  </si>
  <si>
    <t>BARRON 2</t>
  </si>
  <si>
    <t>722486-13942-2015.gz</t>
  </si>
  <si>
    <t>722079-53888-2009.gz</t>
  </si>
  <si>
    <t>UNIT 7-04-1P</t>
  </si>
  <si>
    <t>UPPER BOB SMITH</t>
  </si>
  <si>
    <t>MS0    0909-4550313007</t>
  </si>
  <si>
    <t>ASSIST NCVFD FM 177</t>
  </si>
  <si>
    <t>MURPHY FIRE</t>
  </si>
  <si>
    <t>722561-99999-2011.gz</t>
  </si>
  <si>
    <t>MS0    1010-3161216001</t>
  </si>
  <si>
    <t>PARKING LOT</t>
  </si>
  <si>
    <t>CANESPRING</t>
  </si>
  <si>
    <t>725165-94737-2013.gz</t>
  </si>
  <si>
    <t>PAINTEDROC</t>
  </si>
  <si>
    <t>ARROYO GARCENO 2</t>
  </si>
  <si>
    <t>PLANTATION - DITCH BANK F</t>
  </si>
  <si>
    <t>SUPERIOR</t>
  </si>
  <si>
    <t>SUTTON BAY</t>
  </si>
  <si>
    <t>726560-24025-2013.gz</t>
  </si>
  <si>
    <t>TIMBERIDGE FIRE</t>
  </si>
  <si>
    <t>AZTEC</t>
  </si>
  <si>
    <t>LUCKY 7</t>
  </si>
  <si>
    <t>SWR-20150212-010</t>
  </si>
  <si>
    <t>FY2015-TALBOT-012</t>
  </si>
  <si>
    <t>MURPHYDRAW</t>
  </si>
  <si>
    <t>FY2011-FAYETTE-009</t>
  </si>
  <si>
    <t>724238-53886-2010.gz</t>
  </si>
  <si>
    <t>702675-99999-1993.gz</t>
  </si>
  <si>
    <t>STOCKTON ASSIST</t>
  </si>
  <si>
    <t>LINDEN - 6049</t>
  </si>
  <si>
    <t>MN2201</t>
  </si>
  <si>
    <t xml:space="preserve">SOLDIER                  </t>
  </si>
  <si>
    <t>WEST FORK PIGEON ROOST # 1 FIRE</t>
  </si>
  <si>
    <t>723755-03103-1993.gz</t>
  </si>
  <si>
    <t>724296-13841-1999.gz</t>
  </si>
  <si>
    <t>FY2001-CHEROKEE-055</t>
  </si>
  <si>
    <t xml:space="preserve">LIGHT #24                </t>
  </si>
  <si>
    <t xml:space="preserve">LIGHTNING #25            </t>
  </si>
  <si>
    <t>LAKEPOINTE</t>
  </si>
  <si>
    <t>NO NAME 15</t>
  </si>
  <si>
    <t>727976-24217-2015.gz</t>
  </si>
  <si>
    <t>1749 UPPER ELGIN RIVER RD</t>
  </si>
  <si>
    <t>BLACK PEAK</t>
  </si>
  <si>
    <t>1301 WEST MAIN STREET, IOWA</t>
  </si>
  <si>
    <t>725468-04910-2010.gz</t>
  </si>
  <si>
    <t>NER-20150318-003</t>
  </si>
  <si>
    <t>MUD SPRINGS #1</t>
  </si>
  <si>
    <t>OOLTEWAH GTOWN RD</t>
  </si>
  <si>
    <t>MEDER</t>
  </si>
  <si>
    <t>BAXLEY FIRE</t>
  </si>
  <si>
    <t>FRANKLIN ROAD</t>
  </si>
  <si>
    <t>723193-93807-2004.gz</t>
  </si>
  <si>
    <t>SPENCER  (57)</t>
  </si>
  <si>
    <t>PINE 6</t>
  </si>
  <si>
    <t>GLEN</t>
  </si>
  <si>
    <t>OLD GRANBURY RD.</t>
  </si>
  <si>
    <t>EARLY BIRD</t>
  </si>
  <si>
    <t>LONG PUMPK</t>
  </si>
  <si>
    <t>723416-99999-2002.gz</t>
  </si>
  <si>
    <t>725765-24061-2007.gz</t>
  </si>
  <si>
    <t>BRAMBLE CT (12)</t>
  </si>
  <si>
    <t>PARKER FIRE</t>
  </si>
  <si>
    <t>FY2012-JEFF DAVIS-044</t>
  </si>
  <si>
    <t>MENZ</t>
  </si>
  <si>
    <t>LUERA</t>
  </si>
  <si>
    <t>722710-93045-2003.gz</t>
  </si>
  <si>
    <t>NER-20120222-001</t>
  </si>
  <si>
    <t>FY2002-TWIGGS-039</t>
  </si>
  <si>
    <t>FALSE ALARM 1030</t>
  </si>
  <si>
    <t>ED FURR (HELTON FIRE)</t>
  </si>
  <si>
    <t>725524-94958-2012.gz</t>
  </si>
  <si>
    <t xml:space="preserve">ELKHORN 10               </t>
  </si>
  <si>
    <t>#4332</t>
  </si>
  <si>
    <t>DONALD WAPATO RD.</t>
  </si>
  <si>
    <t>MILE POST 19.5</t>
  </si>
  <si>
    <t xml:space="preserve">DISTRICT IC GRIDLEY FIRE </t>
  </si>
  <si>
    <t>BUHL CORRAL</t>
  </si>
  <si>
    <t>726816-04110-2010.gz</t>
  </si>
  <si>
    <t>CLARE           0007</t>
  </si>
  <si>
    <t>743700-99999-1996.gz</t>
  </si>
  <si>
    <t>COLLINS HWY</t>
  </si>
  <si>
    <t>GRANDE</t>
  </si>
  <si>
    <t>723600-23051-2002.gz</t>
  </si>
  <si>
    <t xml:space="preserve">HEARST #2                </t>
  </si>
  <si>
    <t>DIETZ</t>
  </si>
  <si>
    <t>MULE</t>
  </si>
  <si>
    <t xml:space="preserve">ABORN                    </t>
  </si>
  <si>
    <t>ROAD 12 (23)</t>
  </si>
  <si>
    <t>747750-13846-2011.gz</t>
  </si>
  <si>
    <t>INCIDENT 361</t>
  </si>
  <si>
    <t>HONEYVILLE</t>
  </si>
  <si>
    <t>724113-53881-2007.gz</t>
  </si>
  <si>
    <t>PANORAMA</t>
  </si>
  <si>
    <t>FY2013-WHEELER-036</t>
  </si>
  <si>
    <t>HUPPLER WF</t>
  </si>
  <si>
    <t>726519-94993-2015.gz</t>
  </si>
  <si>
    <t>PATSY SLOUGH</t>
  </si>
  <si>
    <t>702220-26501-2011.gz</t>
  </si>
  <si>
    <t>MS0    0909-5030406005</t>
  </si>
  <si>
    <t>BOY RIVER</t>
  </si>
  <si>
    <t>TRAINING CENTER</t>
  </si>
  <si>
    <t>723060-13722-2002.gz</t>
  </si>
  <si>
    <t>LINDEN - 637</t>
  </si>
  <si>
    <t>FORDTOWN RD 4WHEELER ARSONIST!</t>
  </si>
  <si>
    <t>FY2001-COLQUITT-046</t>
  </si>
  <si>
    <t>POTLATCH PILES</t>
  </si>
  <si>
    <t>CHECKRBORD</t>
  </si>
  <si>
    <t>SCOGGINS VALLEY RD FIRE</t>
  </si>
  <si>
    <t>726986-99999-2001.gz</t>
  </si>
  <si>
    <t>YANKEES</t>
  </si>
  <si>
    <t>TRES</t>
  </si>
  <si>
    <t>FY2001-WORTH-055</t>
  </si>
  <si>
    <t>THOMPSON - OLD LAKE RD</t>
  </si>
  <si>
    <t>720307-63804-2010.gz</t>
  </si>
  <si>
    <t>STUCKEYS</t>
  </si>
  <si>
    <t>STUART CREEK 2</t>
  </si>
  <si>
    <t>702650-26407-2007.gz</t>
  </si>
  <si>
    <t xml:space="preserve">PGE #12                  </t>
  </si>
  <si>
    <t>HURRICANE BRANCE</t>
  </si>
  <si>
    <t>CRAFTS</t>
  </si>
  <si>
    <t>A SECTION</t>
  </si>
  <si>
    <t>LAKE THOMAS</t>
  </si>
  <si>
    <t>722122-03050-2010.gz</t>
  </si>
  <si>
    <t>2011-94</t>
  </si>
  <si>
    <t>725105-14770-2003.gz</t>
  </si>
  <si>
    <t>FY2001-EFFINGHAM-028</t>
  </si>
  <si>
    <t>GUYAN RIVER</t>
  </si>
  <si>
    <t>05-10-WOLF TRAIL FIRE-2011-07-0156</t>
  </si>
  <si>
    <t>FELKER</t>
  </si>
  <si>
    <t>724026-99999-1996.gz</t>
  </si>
  <si>
    <t>COMANCHE SHORES</t>
  </si>
  <si>
    <t>MS0    0909-3620311001</t>
  </si>
  <si>
    <t>MM-17-HWY 89N</t>
  </si>
  <si>
    <t>LIVINGSTON - 463</t>
  </si>
  <si>
    <t>TURKEY FORK</t>
  </si>
  <si>
    <t>JEEP</t>
  </si>
  <si>
    <t>WHITE ROCK</t>
  </si>
  <si>
    <t>BAD MOCCASIN</t>
  </si>
  <si>
    <t>FY2012-EFFINGHAM-033</t>
  </si>
  <si>
    <t>FY2014-WARREN-001</t>
  </si>
  <si>
    <t>720289-63836-2013.gz</t>
  </si>
  <si>
    <t xml:space="preserve">RD 200   NORTH_FORK 43   </t>
  </si>
  <si>
    <t>HARMONY GROVE RD / QUES 3</t>
  </si>
  <si>
    <t>FY2002-FLOYD-057</t>
  </si>
  <si>
    <t>PORK</t>
  </si>
  <si>
    <t>725825-24121-2005.gz</t>
  </si>
  <si>
    <t>727449-99999-2004.gz</t>
  </si>
  <si>
    <t>MAYS BRANCH ROAD</t>
  </si>
  <si>
    <t>LAND FILL</t>
  </si>
  <si>
    <t>FERRIS FIRE</t>
  </si>
  <si>
    <t>725416-99999-2004.gz</t>
  </si>
  <si>
    <t>MP 153</t>
  </si>
  <si>
    <t>KING RANCH</t>
  </si>
  <si>
    <t>720411-00137-2012.gz</t>
  </si>
  <si>
    <t>NEWSOME WAY, AL</t>
  </si>
  <si>
    <t>FY2002-SEMINOLE-048</t>
  </si>
  <si>
    <t>726561-94997-2014.gz</t>
  </si>
  <si>
    <t>LARRY RICH GRASS FIRE</t>
  </si>
  <si>
    <t>331 BOX RD</t>
  </si>
  <si>
    <t>701940-26413-1999.gz</t>
  </si>
  <si>
    <t>NINE MILE</t>
  </si>
  <si>
    <t>CAN'T STAND THE HEAT</t>
  </si>
  <si>
    <t>PERRITTS CONVENIENT MART</t>
  </si>
  <si>
    <t>ERIC 2</t>
  </si>
  <si>
    <t>VERNON</t>
  </si>
  <si>
    <t>COUGAR BUTTE</t>
  </si>
  <si>
    <t>STOLEN VAN</t>
  </si>
  <si>
    <t>CAMPMOHAVE</t>
  </si>
  <si>
    <t>723700-93167-2001.gz</t>
  </si>
  <si>
    <t>INCIDENT 112</t>
  </si>
  <si>
    <t>FY2001-PULASKI-006</t>
  </si>
  <si>
    <t>FY2011-IRWIN-075</t>
  </si>
  <si>
    <t>3800 FM 604 SOUTH</t>
  </si>
  <si>
    <t>ANNADALE</t>
  </si>
  <si>
    <t>MS0    0808-5790426001</t>
  </si>
  <si>
    <t>SE10220A</t>
  </si>
  <si>
    <t xml:space="preserve">BUREAU RECLAMTION #4     </t>
  </si>
  <si>
    <t>FORT HILL</t>
  </si>
  <si>
    <t>MARINE 14</t>
  </si>
  <si>
    <t>727945-04205-2015.gz</t>
  </si>
  <si>
    <t>FY2000-WILCOX-026</t>
  </si>
  <si>
    <t>TOMKI 4</t>
  </si>
  <si>
    <t xml:space="preserve">E DUNNE AV / CONDIT RD   </t>
  </si>
  <si>
    <t>FY2014-HARALSON-016</t>
  </si>
  <si>
    <t>BRIGHT  LITES FIRE</t>
  </si>
  <si>
    <t>722079-53888-2011.gz</t>
  </si>
  <si>
    <t xml:space="preserve">STATE 1179               </t>
  </si>
  <si>
    <t>EASTERLING</t>
  </si>
  <si>
    <t>F79</t>
  </si>
  <si>
    <t>BUCKLAND R</t>
  </si>
  <si>
    <t>701333-26643-2004.gz</t>
  </si>
  <si>
    <t>HWY 287</t>
  </si>
  <si>
    <t>OLD HWY 6 FIRE</t>
  </si>
  <si>
    <t>EVERGREEN COMM. CENTER</t>
  </si>
  <si>
    <t>723020-13748-2010.gz</t>
  </si>
  <si>
    <t>PLILER PRECISE</t>
  </si>
  <si>
    <t>1400 CHRISTINA ST.FIRE.</t>
  </si>
  <si>
    <t>MM62 FRONTAGE</t>
  </si>
  <si>
    <t>FY2011-DADE-050</t>
  </si>
  <si>
    <t>CLOUSE HILL 1</t>
  </si>
  <si>
    <t>VAN1866395</t>
  </si>
  <si>
    <t>NOR-20150329-005</t>
  </si>
  <si>
    <t>723231-63883-2015.gz</t>
  </si>
  <si>
    <t>724755-93129-2009.gz</t>
  </si>
  <si>
    <t>SALT SPRINGS #16</t>
  </si>
  <si>
    <t>ARCTIC</t>
  </si>
  <si>
    <t>727976-24217-2008.gz</t>
  </si>
  <si>
    <t>FM 1531</t>
  </si>
  <si>
    <t>722362-93937-2015.gz</t>
  </si>
  <si>
    <t>MARIE ST  GOOD</t>
  </si>
  <si>
    <t>MS. JENNIFER'S NEIGHBORHOOD</t>
  </si>
  <si>
    <t>KEITH HORN</t>
  </si>
  <si>
    <t>BRINKER FARM</t>
  </si>
  <si>
    <t>OLD SLAB FORK</t>
  </si>
  <si>
    <t>994410-99999-2003.gz</t>
  </si>
  <si>
    <t>BLACKSHEEP</t>
  </si>
  <si>
    <t>FY2013-CANDLER-022</t>
  </si>
  <si>
    <t>BAUM</t>
  </si>
  <si>
    <t>GLENNDALE</t>
  </si>
  <si>
    <t>997286-99999-2010.gz</t>
  </si>
  <si>
    <t>FY2014-WALKER-003</t>
  </si>
  <si>
    <t>HWY 380</t>
  </si>
  <si>
    <t>STUB</t>
  </si>
  <si>
    <t>NW PONSTORD</t>
  </si>
  <si>
    <t>NER-20140315-003</t>
  </si>
  <si>
    <t xml:space="preserve">LAURELES #5              </t>
  </si>
  <si>
    <t>WALKERTOWN</t>
  </si>
  <si>
    <t>724165-03725-2010.gz</t>
  </si>
  <si>
    <t>9750 NE 118TH TERR(38)</t>
  </si>
  <si>
    <t>12937 FIRE</t>
  </si>
  <si>
    <t>RUSSELL GRAY STORE</t>
  </si>
  <si>
    <t>HOOT OWL</t>
  </si>
  <si>
    <t>724677-99999-1995.gz</t>
  </si>
  <si>
    <t>DAVID HILL #1</t>
  </si>
  <si>
    <t>724455-14938-1991.gz</t>
  </si>
  <si>
    <t>BLUE LAGOON 496</t>
  </si>
  <si>
    <t>LD2611</t>
  </si>
  <si>
    <t>MS0    1010-4240329003</t>
  </si>
  <si>
    <t>WINDSOR CUMBERLAND FIRE</t>
  </si>
  <si>
    <t>722324-03071-2012.gz</t>
  </si>
  <si>
    <t>FY2013-JASPER-007</t>
  </si>
  <si>
    <t>12-0002303 POST OAK BEND MULCH FIRE</t>
  </si>
  <si>
    <t xml:space="preserve">RICES                    </t>
  </si>
  <si>
    <t>BLACK RIVER</t>
  </si>
  <si>
    <t>722687-93033-2013.gz</t>
  </si>
  <si>
    <t>CINNAMON</t>
  </si>
  <si>
    <t>MAGIC CITY</t>
  </si>
  <si>
    <t>GREEN MONSTER</t>
  </si>
  <si>
    <t>COLUMBUS DAY #4</t>
  </si>
  <si>
    <t>MS0    0909-3340320001</t>
  </si>
  <si>
    <t>LAKE JOSEPHINE (28)</t>
  </si>
  <si>
    <t>MC2</t>
  </si>
  <si>
    <t xml:space="preserve">SCISSORS                 </t>
  </si>
  <si>
    <t>AVE R</t>
  </si>
  <si>
    <t>727825-94239-2000.gz</t>
  </si>
  <si>
    <t>VIPER 2</t>
  </si>
  <si>
    <t>726530-94943-2007.gz</t>
  </si>
  <si>
    <t>747770-03852-2005.gz</t>
  </si>
  <si>
    <t>FY2012-WAYNE-059</t>
  </si>
  <si>
    <t>YOCUM #3</t>
  </si>
  <si>
    <t>722265-99999-2002.gz</t>
  </si>
  <si>
    <t>SESSER3</t>
  </si>
  <si>
    <t>724335-93894-2012.gz</t>
  </si>
  <si>
    <t>CHAMPS</t>
  </si>
  <si>
    <t>WALKER FIRE A.</t>
  </si>
  <si>
    <t>726884-24148-1992.gz</t>
  </si>
  <si>
    <t>ROARK COVE</t>
  </si>
  <si>
    <t>724074-93780-2007.gz</t>
  </si>
  <si>
    <t>MS0    1010-5151014015</t>
  </si>
  <si>
    <t xml:space="preserve">70 IC GRD IC             </t>
  </si>
  <si>
    <t xml:space="preserve">CLARKSON                 </t>
  </si>
  <si>
    <t>ROULETTE</t>
  </si>
  <si>
    <t>01/WINDSOR FIRE</t>
  </si>
  <si>
    <t>726503-99999-1997.gz</t>
  </si>
  <si>
    <t>BULL MOUNTAIN</t>
  </si>
  <si>
    <t>GRASS/BRUSH FIRE 4010 FM 2200 W</t>
  </si>
  <si>
    <t>BOX CYN</t>
  </si>
  <si>
    <t>BAR X</t>
  </si>
  <si>
    <t>LINDEN - 197</t>
  </si>
  <si>
    <t>HUTTERVILLE</t>
  </si>
  <si>
    <t>CR 1031 GRASS FIRE</t>
  </si>
  <si>
    <t>ELECTRIC LINE FUSE LENK FIRE</t>
  </si>
  <si>
    <t>747808-99999-2003.gz</t>
  </si>
  <si>
    <t>724019-93773-2011.gz</t>
  </si>
  <si>
    <t>GERANEN FIRE</t>
  </si>
  <si>
    <t xml:space="preserve">AVE. 15                  </t>
  </si>
  <si>
    <t>PORCUPINE</t>
  </si>
  <si>
    <t>TORRES</t>
  </si>
  <si>
    <t>BEAUTY HILL ROAD</t>
  </si>
  <si>
    <t>US HWY 59 N.</t>
  </si>
  <si>
    <t>NEON</t>
  </si>
  <si>
    <t>724117-63802-2015.gz</t>
  </si>
  <si>
    <t>197 AVE</t>
  </si>
  <si>
    <t>BUCKS</t>
  </si>
  <si>
    <t>724373-99999-2001.gz</t>
  </si>
  <si>
    <t>726810-24131-2000.gz</t>
  </si>
  <si>
    <t>TUESDAY</t>
  </si>
  <si>
    <t>OTA 1</t>
  </si>
  <si>
    <t>BOLEN</t>
  </si>
  <si>
    <t>SIPHON</t>
  </si>
  <si>
    <t>KUDZU ABLAZE</t>
  </si>
  <si>
    <t>HUTCHCROFT</t>
  </si>
  <si>
    <t>LA PORTE</t>
  </si>
  <si>
    <t>CANE BRANCH ROAD</t>
  </si>
  <si>
    <t>BLUE LAKE</t>
  </si>
  <si>
    <t>RIMROCKBAR</t>
  </si>
  <si>
    <t>FY2003-PULASKI-012</t>
  </si>
  <si>
    <t>723650-23050-2009.gz</t>
  </si>
  <si>
    <t>BRUSHEY CREEK</t>
  </si>
  <si>
    <t xml:space="preserve">S FRANKWOOD AV  SANGER   </t>
  </si>
  <si>
    <t>SOUTHEND</t>
  </si>
  <si>
    <t>FY2002-BULLOCH-119</t>
  </si>
  <si>
    <t>OLD UNION CHURCH</t>
  </si>
  <si>
    <t>726088-14606-1994.gz</t>
  </si>
  <si>
    <t>NWR-20141215-001</t>
  </si>
  <si>
    <t>725400-99999-2002.gz</t>
  </si>
  <si>
    <t>WOHLFORD 2</t>
  </si>
  <si>
    <t>MACES CR. # 1</t>
  </si>
  <si>
    <t>ARAUCO</t>
  </si>
  <si>
    <t>722201-03723-2013.gz</t>
  </si>
  <si>
    <t>COUNTY ROAD #1</t>
  </si>
  <si>
    <t>724118-93797-2011.gz</t>
  </si>
  <si>
    <t>LIGHTNING &amp; RAIN FIRE</t>
  </si>
  <si>
    <t>FY2012-TIFT-023</t>
  </si>
  <si>
    <t>HWY 22 1 MILE EAST OF PEORIA</t>
  </si>
  <si>
    <t>724116-13868-2006.gz</t>
  </si>
  <si>
    <t>CLEAR SAGE</t>
  </si>
  <si>
    <t>110 days 00:00:00.000000000</t>
  </si>
  <si>
    <t>722320-12884-2010.gz</t>
  </si>
  <si>
    <t>MAYBERRY</t>
  </si>
  <si>
    <t>OLD DECATUR 2-13-11</t>
  </si>
  <si>
    <t>BOX (13)</t>
  </si>
  <si>
    <t>KING FISH2</t>
  </si>
  <si>
    <t>724454-93996-2006.gz</t>
  </si>
  <si>
    <t>HWY21MP9.5</t>
  </si>
  <si>
    <t>726810-24131-1998.gz</t>
  </si>
  <si>
    <t>LUTHER HILL FIRE</t>
  </si>
  <si>
    <t>MOUNTAIN PLACE</t>
  </si>
  <si>
    <t>USFS SCFC</t>
  </si>
  <si>
    <t>SEABOARD TRAM SOUTH (08)</t>
  </si>
  <si>
    <t>COMMUNITY RD</t>
  </si>
  <si>
    <t>NO CHURCH</t>
  </si>
  <si>
    <t>722122-03050-2007.gz</t>
  </si>
  <si>
    <t>0NE TREE</t>
  </si>
  <si>
    <t>GORDON</t>
  </si>
  <si>
    <t>35TH LANE</t>
  </si>
  <si>
    <t>MILFORD BENCH</t>
  </si>
  <si>
    <t>724756-23159-1994.gz</t>
  </si>
  <si>
    <t>SATURDAY NIGHT</t>
  </si>
  <si>
    <t>723663-99999-1992.gz</t>
  </si>
  <si>
    <t>LC</t>
  </si>
  <si>
    <t>720647-00229-2014.gz</t>
  </si>
  <si>
    <t>FY2011-DECATUR-069</t>
  </si>
  <si>
    <t>PLEASANT RIDGE RD.</t>
  </si>
  <si>
    <t>FY2001-TELFAIR-077</t>
  </si>
  <si>
    <t>MESQUITE 3</t>
  </si>
  <si>
    <t>LIVINGSTON - 332</t>
  </si>
  <si>
    <t>722784-99999-1996.gz</t>
  </si>
  <si>
    <t>FY2001-COOK-104</t>
  </si>
  <si>
    <t>MCLAURIN</t>
  </si>
  <si>
    <t>EXIT 2</t>
  </si>
  <si>
    <t>ELI BOWEN 2</t>
  </si>
  <si>
    <t>724113-99999-2003.gz</t>
  </si>
  <si>
    <t>724604-93076-2006.gz</t>
  </si>
  <si>
    <t>LEGION #1</t>
  </si>
  <si>
    <t>TOOTH ACE RIDGE</t>
  </si>
  <si>
    <t>OAK 2</t>
  </si>
  <si>
    <t>TELEGRAPH FIRE</t>
  </si>
  <si>
    <t>WHITES VALLEY</t>
  </si>
  <si>
    <t>3170 SLEEPLY HOLLOW</t>
  </si>
  <si>
    <t>722143-53975-2009.gz</t>
  </si>
  <si>
    <t xml:space="preserve">BRIDGE 2                 </t>
  </si>
  <si>
    <t>KISSIMMEE PRAIRIE</t>
  </si>
  <si>
    <t>UNKNOWN FIRE</t>
  </si>
  <si>
    <t>CANEY STRUCTURE</t>
  </si>
  <si>
    <t>724550-99999-2003.gz</t>
  </si>
  <si>
    <t>SWR-20130317-003</t>
  </si>
  <si>
    <t>BARREN RIDGE</t>
  </si>
  <si>
    <t>CORNERPOCKET NORTH</t>
  </si>
  <si>
    <t>722039-99999-2001.gz</t>
  </si>
  <si>
    <t>QUICK RD</t>
  </si>
  <si>
    <t>RL115</t>
  </si>
  <si>
    <t>CARRASCO</t>
  </si>
  <si>
    <t>725626-24091-2007.gz</t>
  </si>
  <si>
    <t>MS0    1010-1020402006</t>
  </si>
  <si>
    <t>BEARGRASS</t>
  </si>
  <si>
    <t>727815-24237-2003.gz</t>
  </si>
  <si>
    <t>ROBLEDO</t>
  </si>
  <si>
    <t xml:space="preserve">PG&amp;E # 8                 </t>
  </si>
  <si>
    <t>725510-14939-2010.gz</t>
  </si>
  <si>
    <t>DEBRA WITFIELD</t>
  </si>
  <si>
    <t xml:space="preserve">MID                      </t>
  </si>
  <si>
    <t>E.F/R LAKE</t>
  </si>
  <si>
    <t>722764-99999-2004.gz</t>
  </si>
  <si>
    <t>FY2000-PICKENS-051</t>
  </si>
  <si>
    <t>TSCHAEKOSTKE</t>
  </si>
  <si>
    <t>2 SOUTH ON FM 403</t>
  </si>
  <si>
    <t>MM58-N</t>
  </si>
  <si>
    <t>LIVINGSTON - 398</t>
  </si>
  <si>
    <t>FY2001-APPLING-016</t>
  </si>
  <si>
    <t>FY2014-MURRAY-009</t>
  </si>
  <si>
    <t>ALDER CREEK</t>
  </si>
  <si>
    <t>WORLEY 05</t>
  </si>
  <si>
    <t>747686-13820-2007.gz</t>
  </si>
  <si>
    <t>PIRES L &amp; CO.</t>
  </si>
  <si>
    <t>726515-99999-1999.gz</t>
  </si>
  <si>
    <t>TORO INC</t>
  </si>
  <si>
    <t xml:space="preserve">SOLANA IC TAC 2          </t>
  </si>
  <si>
    <t>RICKEY</t>
  </si>
  <si>
    <t>WHITE ASH ROAD</t>
  </si>
  <si>
    <t>DANCE</t>
  </si>
  <si>
    <t>FY2015-BRANTLEY-035</t>
  </si>
  <si>
    <t>724036-03710-2011.gz</t>
  </si>
  <si>
    <t>743946-99999-2002.gz</t>
  </si>
  <si>
    <t>NITE OWL</t>
  </si>
  <si>
    <t>720357-53993-2007.gz</t>
  </si>
  <si>
    <t>CORRALITOS RD / BROWNS  2</t>
  </si>
  <si>
    <t>ROCKYTOP</t>
  </si>
  <si>
    <t>WT3</t>
  </si>
  <si>
    <t>SUN CHASE GRASS FIRE</t>
  </si>
  <si>
    <t>FY2012-ROCKDALE-002</t>
  </si>
  <si>
    <t>REBURN FIRE</t>
  </si>
  <si>
    <t>FY2001-TOOMBS-069</t>
  </si>
  <si>
    <t>FOX LAKE ASSIST</t>
  </si>
  <si>
    <t>726385-99999-1992.gz</t>
  </si>
  <si>
    <t>727926-99999-1993.gz</t>
  </si>
  <si>
    <t>FITZPATRICK</t>
  </si>
  <si>
    <t>723066-13713-2005.gz</t>
  </si>
  <si>
    <t>722060-13889-2004.gz</t>
  </si>
  <si>
    <t>BELLINGER ROAD</t>
  </si>
  <si>
    <t>726945-24202-2008.gz</t>
  </si>
  <si>
    <t>FY2002-BARTOW-041</t>
  </si>
  <si>
    <t>724645-23070-1993.gz</t>
  </si>
  <si>
    <t>OKAGA</t>
  </si>
  <si>
    <t>SADDLE MOUNTAIN</t>
  </si>
  <si>
    <t>727827-24110-2015.gz</t>
  </si>
  <si>
    <t>724053-03717-2010.gz</t>
  </si>
  <si>
    <t>724675-23063-1992.gz</t>
  </si>
  <si>
    <t>722096-53127-2015.gz</t>
  </si>
  <si>
    <t>723097-93743-1994.gz</t>
  </si>
  <si>
    <t>DREAM LAND FIRE</t>
  </si>
  <si>
    <t>WHITE SAGE</t>
  </si>
  <si>
    <t xml:space="preserve">GOLDEN                   </t>
  </si>
  <si>
    <t>FY2011-EFFINGHAM-108</t>
  </si>
  <si>
    <t xml:space="preserve">LA PORTE IC TAC 12       </t>
  </si>
  <si>
    <t>RL018</t>
  </si>
  <si>
    <t>BROWN DECK FIRE</t>
  </si>
  <si>
    <t>727684-94051-2009.gz</t>
  </si>
  <si>
    <t>727476-94961-2000.gz</t>
  </si>
  <si>
    <t>WW1407</t>
  </si>
  <si>
    <t>FY2002-BROOKS-012</t>
  </si>
  <si>
    <t>CHILLY FISH</t>
  </si>
  <si>
    <t>REGINALD MOTORCYCLE</t>
  </si>
  <si>
    <t>SWR-20150329-001</t>
  </si>
  <si>
    <t xml:space="preserve">SENN                     </t>
  </si>
  <si>
    <t>MANZORA</t>
  </si>
  <si>
    <t>722730-03124-2013.gz</t>
  </si>
  <si>
    <t>FY2011-MITCHELL-053</t>
  </si>
  <si>
    <t>WIND FARM 2</t>
  </si>
  <si>
    <t>725144-54723-2014.gz</t>
  </si>
  <si>
    <t>FUNDERBURG</t>
  </si>
  <si>
    <t>FISHEATING CREEK (22)</t>
  </si>
  <si>
    <t>BOB'S ROCK FIRE</t>
  </si>
  <si>
    <t>WHITE PINE</t>
  </si>
  <si>
    <t>727923-94225-2007.gz</t>
  </si>
  <si>
    <t>FY2002-DECATUR-079</t>
  </si>
  <si>
    <t xml:space="preserve">DALE                     </t>
  </si>
  <si>
    <t xml:space="preserve">C2 2                     </t>
  </si>
  <si>
    <t>STATE NORTH</t>
  </si>
  <si>
    <t>TOQUERVILLE FALLS</t>
  </si>
  <si>
    <t>27 MILE (51)</t>
  </si>
  <si>
    <t>GO</t>
  </si>
  <si>
    <t>FY2014-TATTNALL-002</t>
  </si>
  <si>
    <t>A1305010</t>
  </si>
  <si>
    <t>UNNAMED FIRE 3067</t>
  </si>
  <si>
    <t>720165-99999-2007.gz</t>
  </si>
  <si>
    <t>WOODVILLE - 9153</t>
  </si>
  <si>
    <t>SIMMONS MT.</t>
  </si>
  <si>
    <t>724026-03716-2008.gz</t>
  </si>
  <si>
    <t>12-0015736</t>
  </si>
  <si>
    <t>747020-23110-2004.gz</t>
  </si>
  <si>
    <t>GREEN FIELDS FIRE</t>
  </si>
  <si>
    <t>FLAG. ESTATES S. (18)</t>
  </si>
  <si>
    <t>720672-00485-2013.gz</t>
  </si>
  <si>
    <t>PRATT</t>
  </si>
  <si>
    <t>MUD SPRINGS</t>
  </si>
  <si>
    <t>FY2013-TAYLOR-026</t>
  </si>
  <si>
    <t>6/23 GRASS FIRE</t>
  </si>
  <si>
    <t>LINDEN - 374</t>
  </si>
  <si>
    <t>CLIFF ONE</t>
  </si>
  <si>
    <t>SHORES RD (03)</t>
  </si>
  <si>
    <t>S MTN 3</t>
  </si>
  <si>
    <t xml:space="preserve">CASTILLO                 </t>
  </si>
  <si>
    <t>GRASS                    9</t>
  </si>
  <si>
    <t>JUEL</t>
  </si>
  <si>
    <t>BEECH CREEK</t>
  </si>
  <si>
    <t>WEST DY</t>
  </si>
  <si>
    <t>FY2002-MONTGOMERY-020</t>
  </si>
  <si>
    <t>GRASS FIRE CR 402</t>
  </si>
  <si>
    <t>255 days 00:00:00.000000000</t>
  </si>
  <si>
    <t>LANDREAU</t>
  </si>
  <si>
    <t>727834-99999-1999.gz</t>
  </si>
  <si>
    <t>IH 35 @ CR 4429</t>
  </si>
  <si>
    <t>STORMY PT</t>
  </si>
  <si>
    <t>ELSEY</t>
  </si>
  <si>
    <t>CATTLE</t>
  </si>
  <si>
    <t>SKINNER</t>
  </si>
  <si>
    <t>724915-23259-2007.gz</t>
  </si>
  <si>
    <t>720561-00467-2013.gz</t>
  </si>
  <si>
    <t>QUANAH</t>
  </si>
  <si>
    <t>723575-99999-2004.gz</t>
  </si>
  <si>
    <t xml:space="preserve">VEGGIE                   </t>
  </si>
  <si>
    <t>04-61-NOV/160TH ST FIRE-0464</t>
  </si>
  <si>
    <t>OLD AGNES RD &amp; WEILAND RD</t>
  </si>
  <si>
    <t>722596-13961-2009.gz</t>
  </si>
  <si>
    <t>FY2003-LINCOLN-001</t>
  </si>
  <si>
    <t>SPRING HILL</t>
  </si>
  <si>
    <t>726763-99999-2001.gz</t>
  </si>
  <si>
    <t>FY2001-TAYLOR-020</t>
  </si>
  <si>
    <t>N JELSMA</t>
  </si>
  <si>
    <t>726620-24090-2007.gz</t>
  </si>
  <si>
    <t>NORTH MOUNTAIN</t>
  </si>
  <si>
    <t xml:space="preserve">SOUTH                    </t>
  </si>
  <si>
    <t>ROCKWELL</t>
  </si>
  <si>
    <t>10700W26TH</t>
  </si>
  <si>
    <t>DEVILS KITCHEN MINE</t>
  </si>
  <si>
    <t xml:space="preserve">GREEN IC TAC 8           </t>
  </si>
  <si>
    <t>MARY FOSTER LEASE</t>
  </si>
  <si>
    <t>FRENCH</t>
  </si>
  <si>
    <t>LATE CROPPER</t>
  </si>
  <si>
    <t>POPEYE</t>
  </si>
  <si>
    <t xml:space="preserve">ZIPP                     </t>
  </si>
  <si>
    <t>WHERE IS THAT ROAD</t>
  </si>
  <si>
    <t>725744-24027-2011.gz</t>
  </si>
  <si>
    <t>720501-00155-2010.gz</t>
  </si>
  <si>
    <t>RIDING CLUB</t>
  </si>
  <si>
    <t>725526-14905-2006.gz</t>
  </si>
  <si>
    <t xml:space="preserve">UVAS AREA #6             </t>
  </si>
  <si>
    <t>RINGLING BROTHERS</t>
  </si>
  <si>
    <t>ANTIOCH RD.</t>
  </si>
  <si>
    <t>SWR-20141025-001</t>
  </si>
  <si>
    <t>ABLU</t>
  </si>
  <si>
    <t>025 MILITARY ROAD</t>
  </si>
  <si>
    <t>ROCK DAM FIRE</t>
  </si>
  <si>
    <t>FY2002-BULLOCH-141</t>
  </si>
  <si>
    <t>PHRAGMITIES</t>
  </si>
  <si>
    <t>GREENLAND GULCH</t>
  </si>
  <si>
    <t>A05735-00209-2014.gz</t>
  </si>
  <si>
    <t>CHAIRMAKER BRANCH</t>
  </si>
  <si>
    <t>FY2012-DOUGLAS-004</t>
  </si>
  <si>
    <t>722195-03888-2012.gz</t>
  </si>
  <si>
    <t>724506-99999-2003.gz</t>
  </si>
  <si>
    <t>CROOKED RD(64)</t>
  </si>
  <si>
    <t>CREEK CROSSING</t>
  </si>
  <si>
    <t>ROOSTER TAIL</t>
  </si>
  <si>
    <t>JUHNKE</t>
  </si>
  <si>
    <t>SCO8168464</t>
  </si>
  <si>
    <t xml:space="preserve">SNEAKER                  </t>
  </si>
  <si>
    <t>CORRAL CREEK</t>
  </si>
  <si>
    <t>727830-24149-2001.gz</t>
  </si>
  <si>
    <t xml:space="preserve">PEACH TRIANGLE           </t>
  </si>
  <si>
    <t>LOLETA FIRE</t>
  </si>
  <si>
    <t>725125-04787-2015.gz</t>
  </si>
  <si>
    <t>FY2012-BEN HILL-001</t>
  </si>
  <si>
    <t>HIGH HILL</t>
  </si>
  <si>
    <t>722554-12978-2013.gz</t>
  </si>
  <si>
    <t xml:space="preserve">FORSTAD                  </t>
  </si>
  <si>
    <t>FERNANDO</t>
  </si>
  <si>
    <t>723663-99999-2005.gz</t>
  </si>
  <si>
    <t xml:space="preserve">36/SONIC FIRE </t>
  </si>
  <si>
    <t>724735-99999-2000.gz</t>
  </si>
  <si>
    <t>FY2015-HARRIS-013</t>
  </si>
  <si>
    <t>5426 BERRY BRANCH</t>
  </si>
  <si>
    <t>COTTONWOOD FIRE</t>
  </si>
  <si>
    <t>720345-94086-2011.gz</t>
  </si>
  <si>
    <t>FY2001-TATTNALL-001</t>
  </si>
  <si>
    <t>MS0    0909-3330307004</t>
  </si>
  <si>
    <t>LAMB SPRINGS</t>
  </si>
  <si>
    <t>HWY 31</t>
  </si>
  <si>
    <t>BYRD</t>
  </si>
  <si>
    <t>NEED MY SLEEP</t>
  </si>
  <si>
    <t>722530-12921-2007.gz</t>
  </si>
  <si>
    <t>5100 ADVANCE ROAD</t>
  </si>
  <si>
    <t>POWERHOUSE #2</t>
  </si>
  <si>
    <t>8 POINT</t>
  </si>
  <si>
    <t>ROTEN WOODWORKS</t>
  </si>
  <si>
    <t>EL GUIQUE2</t>
  </si>
  <si>
    <t>BASIN 1</t>
  </si>
  <si>
    <t>724627-99999-1999.gz</t>
  </si>
  <si>
    <t>725785-24145-2014.gz</t>
  </si>
  <si>
    <t>CHICHARRA</t>
  </si>
  <si>
    <t>722506-12959-1998.gz</t>
  </si>
  <si>
    <t>FY2013-CANDLER-007</t>
  </si>
  <si>
    <t>CITY DUMP</t>
  </si>
  <si>
    <t>YELLOW</t>
  </si>
  <si>
    <t>KENNETH SCHOENFIELD</t>
  </si>
  <si>
    <t>722416-12971-2009.gz</t>
  </si>
  <si>
    <t>727514-54910-2015.gz</t>
  </si>
  <si>
    <t xml:space="preserve">GAGE                     </t>
  </si>
  <si>
    <t>PLEMMONS</t>
  </si>
  <si>
    <t>RT 1496</t>
  </si>
  <si>
    <t>JOHNSON VLLY RES</t>
  </si>
  <si>
    <t>724735-99999-2002.gz</t>
  </si>
  <si>
    <t>03-04-NW 62ND STREET FIRE -0708</t>
  </si>
  <si>
    <t>746940-03708-2012.gz</t>
  </si>
  <si>
    <t>PRISONER LAKE</t>
  </si>
  <si>
    <t>727735-24139-1999.gz</t>
  </si>
  <si>
    <t>2015-4939</t>
  </si>
  <si>
    <t>LITTLE BIG</t>
  </si>
  <si>
    <t>FY2013-DODGE-036</t>
  </si>
  <si>
    <t>723489-03935-2002.gz</t>
  </si>
  <si>
    <t>SQUAW PEAK</t>
  </si>
  <si>
    <t>ERHARDWPA</t>
  </si>
  <si>
    <t>MICHEL</t>
  </si>
  <si>
    <t>NO FENCE</t>
  </si>
  <si>
    <t>UPRR MP656</t>
  </si>
  <si>
    <t>CONCENTRIC</t>
  </si>
  <si>
    <t>30511A</t>
  </si>
  <si>
    <t>FIRST RESPONSE</t>
  </si>
  <si>
    <t>FY2001-CHARLTON-015</t>
  </si>
  <si>
    <t>FY2015-CHATTAHOOCHEE-005</t>
  </si>
  <si>
    <t>722250-13829-2015.gz</t>
  </si>
  <si>
    <t>GRASS FIRE (LESLIE ZILLIG)</t>
  </si>
  <si>
    <t>MEMALOOSE</t>
  </si>
  <si>
    <t>726980-24229-1997.gz</t>
  </si>
  <si>
    <t>WALKING STICK</t>
  </si>
  <si>
    <t>8-MILE</t>
  </si>
  <si>
    <t>726384-14817-1996.gz</t>
  </si>
  <si>
    <t>GLEANINGS RD. FIRE</t>
  </si>
  <si>
    <t>LOVEJOY FIRE</t>
  </si>
  <si>
    <t>722553-53928-2011.gz</t>
  </si>
  <si>
    <t>FY2015-CHARLTON-033</t>
  </si>
  <si>
    <t>725087-14752-2008.gz</t>
  </si>
  <si>
    <t>725750-24126-2007.gz</t>
  </si>
  <si>
    <t>HANCOCK MT.</t>
  </si>
  <si>
    <t>ATTAWAY</t>
  </si>
  <si>
    <t>LEBANON FIRE</t>
  </si>
  <si>
    <t>FY2011-BROOKS-045</t>
  </si>
  <si>
    <t>FY2000-HART-027</t>
  </si>
  <si>
    <t>CROSS RDS/ VILLAGE DRIVE</t>
  </si>
  <si>
    <t>HICKS CEMETERY</t>
  </si>
  <si>
    <t>CONTINENTAL DIVIDE</t>
  </si>
  <si>
    <t>ICE CREAM</t>
  </si>
  <si>
    <t>722044-99999-2004.gz</t>
  </si>
  <si>
    <t>TRAMPAS</t>
  </si>
  <si>
    <t>727855-24114-1995.gz</t>
  </si>
  <si>
    <t>GRAVINS</t>
  </si>
  <si>
    <t>723340-13893-1991.gz</t>
  </si>
  <si>
    <t>FY2002-MILLER-066</t>
  </si>
  <si>
    <t>BELLINGHAM</t>
  </si>
  <si>
    <t>725054-64710-2015.gz</t>
  </si>
  <si>
    <t>3800 SODA SPRINGS</t>
  </si>
  <si>
    <t>161 ST (04)</t>
  </si>
  <si>
    <t>FY2000-CHATHAM-020</t>
  </si>
  <si>
    <t>STRAITFORK</t>
  </si>
  <si>
    <t>LINDEN - 399</t>
  </si>
  <si>
    <t>ATTA 1211</t>
  </si>
  <si>
    <t>FY2015-PICKENS-002</t>
  </si>
  <si>
    <t>LIVINGSTON - 99</t>
  </si>
  <si>
    <t>RL253</t>
  </si>
  <si>
    <t>A17-2</t>
  </si>
  <si>
    <t>HWY 11 CR 4711</t>
  </si>
  <si>
    <t xml:space="preserve">29W/KENSING </t>
  </si>
  <si>
    <t>A-FRAME</t>
  </si>
  <si>
    <t>HAT BU</t>
  </si>
  <si>
    <t>727833-99999-1994.gz</t>
  </si>
  <si>
    <t>POWDER RIVER</t>
  </si>
  <si>
    <t>725555-94946-2008.gz</t>
  </si>
  <si>
    <t>HAWK ISLAND FIRE</t>
  </si>
  <si>
    <t>720859-00286-2012.gz</t>
  </si>
  <si>
    <t>HIGH FALLS FIRE</t>
  </si>
  <si>
    <t>OTA 25</t>
  </si>
  <si>
    <t>RED WATER</t>
  </si>
  <si>
    <t>GRASS FIRE CR 211</t>
  </si>
  <si>
    <t>ROCKS</t>
  </si>
  <si>
    <t>749179-00392-2012.gz</t>
  </si>
  <si>
    <t>KNOX CANYON</t>
  </si>
  <si>
    <t>MOUNT POWELL</t>
  </si>
  <si>
    <t>720385-00419-2014.gz</t>
  </si>
  <si>
    <t>DEE</t>
  </si>
  <si>
    <t>HAAKER</t>
  </si>
  <si>
    <t>34 - THE OAKLAND ROAD FIRE - 0184</t>
  </si>
  <si>
    <t>HOFFMAN FIRE</t>
  </si>
  <si>
    <t>720358-53999-2014.gz</t>
  </si>
  <si>
    <t>LOST LEG</t>
  </si>
  <si>
    <t>TWINTON</t>
  </si>
  <si>
    <t>TH1810</t>
  </si>
  <si>
    <t>FY2003-BACON-011</t>
  </si>
  <si>
    <t>FLAT LAKE</t>
  </si>
  <si>
    <t>702325-26443-2011.gz</t>
  </si>
  <si>
    <t>ATVFIRE</t>
  </si>
  <si>
    <t>CONTROL BURN</t>
  </si>
  <si>
    <t>724458-03963-2011.gz</t>
  </si>
  <si>
    <t>TOWER HILL</t>
  </si>
  <si>
    <t>WOLF HOLLOW CMD</t>
  </si>
  <si>
    <t>RR FIRE</t>
  </si>
  <si>
    <t>RICH</t>
  </si>
  <si>
    <t>FY2001-EFFINGHAM-107</t>
  </si>
  <si>
    <t>ST-ASSIST</t>
  </si>
  <si>
    <t>YOUNG'S CEMETERY RD.</t>
  </si>
  <si>
    <t>CAL PAC 8</t>
  </si>
  <si>
    <t>JAME WILIAM</t>
  </si>
  <si>
    <t>LOST CANNON II</t>
  </si>
  <si>
    <t>FY2003-TIFT-002</t>
  </si>
  <si>
    <t>720501-00155-2015.gz</t>
  </si>
  <si>
    <t>TURNBO</t>
  </si>
  <si>
    <t>722122-03050-2013.gz</t>
  </si>
  <si>
    <t>RGSP C.R.414 FIRE</t>
  </si>
  <si>
    <t>724285-13812-2015.gz</t>
  </si>
  <si>
    <t>LAYCOCK CREEK II</t>
  </si>
  <si>
    <t>TURNER1</t>
  </si>
  <si>
    <t>CHIHUAHUA 3</t>
  </si>
  <si>
    <t>SEVILLECOM</t>
  </si>
  <si>
    <t>726070-14606-2011.gz</t>
  </si>
  <si>
    <t>LITTLE SHANLEY</t>
  </si>
  <si>
    <t>FY2000-EARLY-088</t>
  </si>
  <si>
    <t>GRINCH</t>
  </si>
  <si>
    <t>PICKLE SW</t>
  </si>
  <si>
    <t>FY2002-TOWNS-008</t>
  </si>
  <si>
    <t>FY2013-BACON-024</t>
  </si>
  <si>
    <t>723160-13870-2013.gz</t>
  </si>
  <si>
    <t>HARES</t>
  </si>
  <si>
    <t>C14-02182</t>
  </si>
  <si>
    <t>DAN</t>
  </si>
  <si>
    <t>726088-14606-2004.gz</t>
  </si>
  <si>
    <t>WINGATE ROAD</t>
  </si>
  <si>
    <t>PINE 17</t>
  </si>
  <si>
    <t>726163-54770-2006.gz</t>
  </si>
  <si>
    <t>MS0    1010-5391026002</t>
  </si>
  <si>
    <t>BRUSHY FIRE</t>
  </si>
  <si>
    <t>727437-94893-2007.gz</t>
  </si>
  <si>
    <t>VOGT</t>
  </si>
  <si>
    <t>5421 MASSEY ROAD</t>
  </si>
  <si>
    <t>722141-03731-2014.gz</t>
  </si>
  <si>
    <t>OLD PETE QUINN ROAD FIRE</t>
  </si>
  <si>
    <t>746929-03702-2013.gz</t>
  </si>
  <si>
    <t>722269-99999-2004.gz</t>
  </si>
  <si>
    <t>724400-13995-1998.gz</t>
  </si>
  <si>
    <t>FY2012-EARLY-040</t>
  </si>
  <si>
    <t>MALICIOUS</t>
  </si>
  <si>
    <t xml:space="preserve">CLAYTON                  </t>
  </si>
  <si>
    <t>DOF#318</t>
  </si>
  <si>
    <t>ROSEBAY 3   (64)</t>
  </si>
  <si>
    <t>722361-92808-2012.gz</t>
  </si>
  <si>
    <t>PEARL JONES</t>
  </si>
  <si>
    <t>743945-14710-2006.gz</t>
  </si>
  <si>
    <t>QUITO</t>
  </si>
  <si>
    <t>15 - THE DOG PEN FIRE - 0138</t>
  </si>
  <si>
    <t>ZENNER FIRE</t>
  </si>
  <si>
    <t>DIZZY ROCK</t>
  </si>
  <si>
    <t>SEA CLIFF(42)</t>
  </si>
  <si>
    <t>FY2001-MCDUFFIE-030</t>
  </si>
  <si>
    <t>PAGELAND HWY.</t>
  </si>
  <si>
    <t>12000 ALEDO/IONA</t>
  </si>
  <si>
    <t>722050-12815-1994.gz</t>
  </si>
  <si>
    <t>BARRINGERA</t>
  </si>
  <si>
    <t>722320-12884-2003.gz</t>
  </si>
  <si>
    <t>FOX CREEK</t>
  </si>
  <si>
    <t>726676-24087-2008.gz</t>
  </si>
  <si>
    <t>DESOLATION CREEK</t>
  </si>
  <si>
    <t>STONY BK</t>
  </si>
  <si>
    <t>NORTH EAST RIDGE</t>
  </si>
  <si>
    <t>726625-24006-1997.gz</t>
  </si>
  <si>
    <t>PID</t>
  </si>
  <si>
    <t>FY2011-WEBSTER-016</t>
  </si>
  <si>
    <t>722488-99999-2001.gz</t>
  </si>
  <si>
    <t>FY2011-WASHINGTON-055</t>
  </si>
  <si>
    <t>2009-104</t>
  </si>
  <si>
    <t>20690 PR 4005</t>
  </si>
  <si>
    <t>998205-99999-2014.gz</t>
  </si>
  <si>
    <t>RATTLER GULCH</t>
  </si>
  <si>
    <t>RL 494</t>
  </si>
  <si>
    <t>EXIT 673 KNIGHTON STA43 6</t>
  </si>
  <si>
    <t>DUKES CREEK</t>
  </si>
  <si>
    <t>ANGELA'S FOUND</t>
  </si>
  <si>
    <t>723107-00371-2013.gz</t>
  </si>
  <si>
    <t>723087-99999-2002.gz</t>
  </si>
  <si>
    <t>CO RD 65, AL</t>
  </si>
  <si>
    <t>CANE</t>
  </si>
  <si>
    <t>PASS</t>
  </si>
  <si>
    <t>MANNY</t>
  </si>
  <si>
    <t>FARMHOUSE RD.</t>
  </si>
  <si>
    <t>MIDDLE SWAMP FIRE</t>
  </si>
  <si>
    <t>CHUSKA PEAK</t>
  </si>
  <si>
    <t xml:space="preserve">FRUTO                    </t>
  </si>
  <si>
    <t>FIRECRACKER</t>
  </si>
  <si>
    <t>727500-99999-1993.gz</t>
  </si>
  <si>
    <t>VEITH WILSON RD HAY FIRE</t>
  </si>
  <si>
    <t>MCCUTCHEON GAP</t>
  </si>
  <si>
    <t>747320-23002-2009.gz</t>
  </si>
  <si>
    <t>720281-53969-2007.gz</t>
  </si>
  <si>
    <t>723409-99999-2002.gz</t>
  </si>
  <si>
    <t xml:space="preserve">LEOPARD                  </t>
  </si>
  <si>
    <t>503 HIGHLAND ROAD</t>
  </si>
  <si>
    <t xml:space="preserve">CHANDON                  </t>
  </si>
  <si>
    <t>86 days 00:00:00.000000000</t>
  </si>
  <si>
    <t>LLANO13.4</t>
  </si>
  <si>
    <t>11-1033</t>
  </si>
  <si>
    <t>DUNES</t>
  </si>
  <si>
    <t>725745-24057-1993.gz</t>
  </si>
  <si>
    <t xml:space="preserve">FLORES                   </t>
  </si>
  <si>
    <t xml:space="preserve">SIERRA RR #3             </t>
  </si>
  <si>
    <t>NORTH RIVER ROAD</t>
  </si>
  <si>
    <t>726452-99999-2004.gz</t>
  </si>
  <si>
    <t>PLUNKETTRD</t>
  </si>
  <si>
    <t>725765-99999-2001.gz</t>
  </si>
  <si>
    <t>STARR2</t>
  </si>
  <si>
    <t>POPLAR LANE</t>
  </si>
  <si>
    <t>FM 2908</t>
  </si>
  <si>
    <t>WINKLER</t>
  </si>
  <si>
    <t>GWP</t>
  </si>
  <si>
    <t>723545-99999-2004.gz</t>
  </si>
  <si>
    <t xml:space="preserve">MUD                      </t>
  </si>
  <si>
    <t>DOUGLAS RUN ROAD</t>
  </si>
  <si>
    <t>WEST STEAMBOAT</t>
  </si>
  <si>
    <t>BAHA SPRINGS</t>
  </si>
  <si>
    <t>JEFFRY AND DUNN RD</t>
  </si>
  <si>
    <t>724585-93997-2015.gz</t>
  </si>
  <si>
    <t>FY2000-WAYNE-081</t>
  </si>
  <si>
    <t>725155-99999-2003.gz</t>
  </si>
  <si>
    <t>SPRING HOLLOW</t>
  </si>
  <si>
    <t>725755-24101-2010.gz</t>
  </si>
  <si>
    <t>JOE HENRY</t>
  </si>
  <si>
    <t>723083-13763-2013.gz</t>
  </si>
  <si>
    <t>JUMP OFF</t>
  </si>
  <si>
    <t>MIDDLE FORK #3</t>
  </si>
  <si>
    <t>DEVILS COR</t>
  </si>
  <si>
    <t>726816-99999-2003.gz</t>
  </si>
  <si>
    <t>AT&amp;T RD</t>
  </si>
  <si>
    <t>722636-93042-2009.gz</t>
  </si>
  <si>
    <t>WODDENLEGS</t>
  </si>
  <si>
    <t>SPECKS RUN RD.</t>
  </si>
  <si>
    <t>HFI</t>
  </si>
  <si>
    <t>746939-93785-2007.gz</t>
  </si>
  <si>
    <t>NUBBIN RIDGE RD 2665</t>
  </si>
  <si>
    <t>SCOTT RD 2</t>
  </si>
  <si>
    <t>746925-03741-2014.gz</t>
  </si>
  <si>
    <t>HWY 41  N/ CHILDRENS B 10</t>
  </si>
  <si>
    <t>EMERALD OAKS</t>
  </si>
  <si>
    <t>723066-13713-2009.gz</t>
  </si>
  <si>
    <t>725267-99999-2003.gz</t>
  </si>
  <si>
    <t>726540-14936-2003.gz</t>
  </si>
  <si>
    <t>RANGE 36 WILDFIRE</t>
  </si>
  <si>
    <t>2653 N @ 4715</t>
  </si>
  <si>
    <t>JACKSON 3</t>
  </si>
  <si>
    <t>726987-94204-2009.gz</t>
  </si>
  <si>
    <t>MELTED TURTLE</t>
  </si>
  <si>
    <t>SPEARS</t>
  </si>
  <si>
    <t>RAMIREZ</t>
  </si>
  <si>
    <t>722338-12994-2009.gz</t>
  </si>
  <si>
    <t>HIDALGO</t>
  </si>
  <si>
    <t>PENNY TRACT</t>
  </si>
  <si>
    <t>BLUE MOUNTAIN ROAD</t>
  </si>
  <si>
    <t xml:space="preserve">SAND #2                  </t>
  </si>
  <si>
    <t>722123-99999-2001.gz</t>
  </si>
  <si>
    <t>FINK</t>
  </si>
  <si>
    <t>724926-23258-2010.gz</t>
  </si>
  <si>
    <t>FY2002-CALHOUN-003</t>
  </si>
  <si>
    <t>MS0    0808-3161110002</t>
  </si>
  <si>
    <t>LOEWEN FIRE</t>
  </si>
  <si>
    <t>093 A RANGE</t>
  </si>
  <si>
    <t>ANGLIN MEADOWS</t>
  </si>
  <si>
    <t>CR 141/HWY 231, AL</t>
  </si>
  <si>
    <t>723231-63883-2011.gz</t>
  </si>
  <si>
    <t>STODDARD 3</t>
  </si>
  <si>
    <t>SWR-20120428-001</t>
  </si>
  <si>
    <t>911 EAST BRANCH</t>
  </si>
  <si>
    <t>LOT CLEARING FIRE</t>
  </si>
  <si>
    <t>725283-99999-1999.gz</t>
  </si>
  <si>
    <t>ECR-20130316-007</t>
  </si>
  <si>
    <t>WHITE WAY</t>
  </si>
  <si>
    <t>TW0211</t>
  </si>
  <si>
    <t>57-GREEN RD FIRE</t>
  </si>
  <si>
    <t>GREATER GROVES</t>
  </si>
  <si>
    <t>BLACKBRUSH OIL &amp; GAS - CR241</t>
  </si>
  <si>
    <t>GROUNDHOG</t>
  </si>
  <si>
    <t>AIRPORT ROAD FIRE</t>
  </si>
  <si>
    <t>720927-00314-2015.gz</t>
  </si>
  <si>
    <t>SQUIRREL LAKE</t>
  </si>
  <si>
    <t>727457-94962-2007.gz</t>
  </si>
  <si>
    <t>SHARP'S CREEK</t>
  </si>
  <si>
    <t>FY2013-RICHMOND-026</t>
  </si>
  <si>
    <t>PUMP STATION</t>
  </si>
  <si>
    <t>PROG. RAIL S. FIRE</t>
  </si>
  <si>
    <t>726467-54909-2012.gz</t>
  </si>
  <si>
    <t>724880-23185-2014.gz</t>
  </si>
  <si>
    <t>T.LYNN 1</t>
  </si>
  <si>
    <t xml:space="preserve">FKU4713                  </t>
  </si>
  <si>
    <t>BISCHKE FIRE</t>
  </si>
  <si>
    <t>BENTON  RD.</t>
  </si>
  <si>
    <t>724350-03816-2011.gz</t>
  </si>
  <si>
    <t>HENDERSON RD</t>
  </si>
  <si>
    <t xml:space="preserve">PALOMAR ST  WILD 20      </t>
  </si>
  <si>
    <t>STANTON FIRE</t>
  </si>
  <si>
    <t>723065-99999-2000.gz</t>
  </si>
  <si>
    <t>JOLIF FIRE</t>
  </si>
  <si>
    <t>722480-13957-2007.gz</t>
  </si>
  <si>
    <t>724505-99999-2002.gz</t>
  </si>
  <si>
    <t>CR443</t>
  </si>
  <si>
    <t>36/THE SHOT GUN FIRE</t>
  </si>
  <si>
    <t>727130-14604-1996.gz</t>
  </si>
  <si>
    <t>GOTTS 3</t>
  </si>
  <si>
    <t>724090-14780-2010.gz</t>
  </si>
  <si>
    <t>DEWOLF</t>
  </si>
  <si>
    <t>722784-99999-2001.gz</t>
  </si>
  <si>
    <t>FY2011-LAURENS-279</t>
  </si>
  <si>
    <t>EARTH 21</t>
  </si>
  <si>
    <t>FY2011-SUMTER-040</t>
  </si>
  <si>
    <t>VALHALLA</t>
  </si>
  <si>
    <t>LOST CANYON WFU</t>
  </si>
  <si>
    <t>88TH STREET (50)</t>
  </si>
  <si>
    <t>27TH (24-04)</t>
  </si>
  <si>
    <t>NAKED TOP</t>
  </si>
  <si>
    <t>HEZIKIAH RD. FIRE</t>
  </si>
  <si>
    <t>TUTTLE #1</t>
  </si>
  <si>
    <t>726056-54791-2007.gz</t>
  </si>
  <si>
    <t>CACTUS MOUNTAIN</t>
  </si>
  <si>
    <t>PAYNE   2 20 11</t>
  </si>
  <si>
    <t>724106-99999-2002.gz</t>
  </si>
  <si>
    <t>HAPPY C</t>
  </si>
  <si>
    <t>724620-23061-1993.gz</t>
  </si>
  <si>
    <t>HIGHWAY 83</t>
  </si>
  <si>
    <t>RESERVOIR</t>
  </si>
  <si>
    <t>NANCY HANKS MEM SUB</t>
  </si>
  <si>
    <t>722570-03933-2005.gz</t>
  </si>
  <si>
    <t>LITTLE BEND COMPLEX</t>
  </si>
  <si>
    <t>HOOKER GULCH</t>
  </si>
  <si>
    <t>726886-24130-2008.gz</t>
  </si>
  <si>
    <t>HOW II</t>
  </si>
  <si>
    <t>3258 DOSS SPRING CRK</t>
  </si>
  <si>
    <t>FY2002-EVANS-001</t>
  </si>
  <si>
    <t>EAST PECINA</t>
  </si>
  <si>
    <t>725610-24030-1998.gz</t>
  </si>
  <si>
    <t>ALBERTA DRIVE/PARAGAS</t>
  </si>
  <si>
    <t>BOETTCHER PILE</t>
  </si>
  <si>
    <t>BOYLE</t>
  </si>
  <si>
    <t>725976-99999-1996.gz</t>
  </si>
  <si>
    <t>HOLE</t>
  </si>
  <si>
    <t>FY2001-LOWNDES-019</t>
  </si>
  <si>
    <t>FY2000-JENKINS-043</t>
  </si>
  <si>
    <t>NOWHERE</t>
  </si>
  <si>
    <t>GLASS BED</t>
  </si>
  <si>
    <t>ARD C-73</t>
  </si>
  <si>
    <t>RED BIRD</t>
  </si>
  <si>
    <t>BARNES</t>
  </si>
  <si>
    <t>OTHA2</t>
  </si>
  <si>
    <t>722506-12959-1995.gz</t>
  </si>
  <si>
    <t>DAVEY</t>
  </si>
  <si>
    <t>653RD STREET (15)</t>
  </si>
  <si>
    <t>SULFUR DRW</t>
  </si>
  <si>
    <t>726665-24062-2002.gz</t>
  </si>
  <si>
    <t>JACK SPRINGS RD., AL</t>
  </si>
  <si>
    <t>RANGER BATTLE</t>
  </si>
  <si>
    <t>FY2001-BACON-048</t>
  </si>
  <si>
    <t>SMITH WEST FENCE</t>
  </si>
  <si>
    <t>PHARR SETTLING BASIN</t>
  </si>
  <si>
    <t>722159-12980-2015.gz</t>
  </si>
  <si>
    <t>CR 146</t>
  </si>
  <si>
    <t>LIVINGSTON - 410</t>
  </si>
  <si>
    <t>STALLINGS ROAD FIRE</t>
  </si>
  <si>
    <t>722132-63801-2010.gz</t>
  </si>
  <si>
    <t>ELKINS</t>
  </si>
  <si>
    <t>BANJO FLAT</t>
  </si>
  <si>
    <t>726665-99999-1998.gz</t>
  </si>
  <si>
    <t xml:space="preserve">"ELLIOTT, J"             </t>
  </si>
  <si>
    <t>EC401</t>
  </si>
  <si>
    <t>FY2001-DODGE-137</t>
  </si>
  <si>
    <t>IRR GRAVEL</t>
  </si>
  <si>
    <t>MS0    1111-6260613003</t>
  </si>
  <si>
    <t>CLARK RD.</t>
  </si>
  <si>
    <t>BIG WASH</t>
  </si>
  <si>
    <t>722745-23109-1999.gz</t>
  </si>
  <si>
    <t>FY2015-CLINCH-031</t>
  </si>
  <si>
    <t>BLUFF CREEK (SCHATTE) FIRE</t>
  </si>
  <si>
    <t>WYLIE</t>
  </si>
  <si>
    <t>HAY BALE</t>
  </si>
  <si>
    <t>TIGER</t>
  </si>
  <si>
    <t>FY2003-TURNER-004</t>
  </si>
  <si>
    <t>FY2000-DODGE-110</t>
  </si>
  <si>
    <t>EVAINGIKNUK</t>
  </si>
  <si>
    <t>701045-26649-2012.gz</t>
  </si>
  <si>
    <t>NEWTOWN</t>
  </si>
  <si>
    <t>CITY LIGHTS</t>
  </si>
  <si>
    <t>FY2014-BURKE-038</t>
  </si>
  <si>
    <t>GRASS FIRE 459 BALMORE (LWE) (030)</t>
  </si>
  <si>
    <t>NEWBIE</t>
  </si>
  <si>
    <t>EASTON FIRE</t>
  </si>
  <si>
    <t xml:space="preserve">SHAW IC 2                </t>
  </si>
  <si>
    <t>SADDLE HORSE</t>
  </si>
  <si>
    <t>#3017</t>
  </si>
  <si>
    <t>MS1908</t>
  </si>
  <si>
    <t>UNNAMED FIRE 1828</t>
  </si>
  <si>
    <t>DOVE (11)</t>
  </si>
  <si>
    <t>722038-12897-2012.gz</t>
  </si>
  <si>
    <t>INDIAN CAMP</t>
  </si>
  <si>
    <t>BRAIR CREEK</t>
  </si>
  <si>
    <t>STRAY BRANCH #2</t>
  </si>
  <si>
    <t>724057-13701-2009.gz</t>
  </si>
  <si>
    <t>HUDSONVILLE</t>
  </si>
  <si>
    <t>722673-99999-1999.gz</t>
  </si>
  <si>
    <t>SE715</t>
  </si>
  <si>
    <t>TYLER CK.</t>
  </si>
  <si>
    <t>119433-04912-01192015-1311</t>
  </si>
  <si>
    <t>FISHER 121</t>
  </si>
  <si>
    <t>722192-23033-2015.gz</t>
  </si>
  <si>
    <t>MS0    1010-4240315001</t>
  </si>
  <si>
    <t>720381-63885-2008.gz</t>
  </si>
  <si>
    <t>JUNKYARD</t>
  </si>
  <si>
    <t>726184-94709-2015.gz</t>
  </si>
  <si>
    <t>ROTH</t>
  </si>
  <si>
    <t>PANTHER BUTTE</t>
  </si>
  <si>
    <t>CR 131 US HWY 36</t>
  </si>
  <si>
    <t>720606-99999-2011.gz</t>
  </si>
  <si>
    <t>722029-12888-2007.gz</t>
  </si>
  <si>
    <t>6154 FM 1430 RD</t>
  </si>
  <si>
    <t>COCONUT PALM NURSERY ( 13 )</t>
  </si>
  <si>
    <t>FY2012-OGLETHORPE-017</t>
  </si>
  <si>
    <t>SCALES RANCH RD FIRE</t>
  </si>
  <si>
    <t xml:space="preserve">HY IC                    </t>
  </si>
  <si>
    <t>LORANE STORE</t>
  </si>
  <si>
    <t>FY2002-SEMINOLE-075</t>
  </si>
  <si>
    <t>BILBREY</t>
  </si>
  <si>
    <t>QUAIL RIDGE</t>
  </si>
  <si>
    <t>725287-04724-2010.gz</t>
  </si>
  <si>
    <t>703810-25309-1996.gz</t>
  </si>
  <si>
    <t>SOUTH CROW</t>
  </si>
  <si>
    <t xml:space="preserve">ZEIBRIGHT                </t>
  </si>
  <si>
    <t>725846-99999-2005.gz</t>
  </si>
  <si>
    <t>CO RD 18 FIRE</t>
  </si>
  <si>
    <t>MS0    0909-5740224013</t>
  </si>
  <si>
    <t>WHITE OAK RIVER ROAD</t>
  </si>
  <si>
    <t>RED RABBIT</t>
  </si>
  <si>
    <t>WILMINGTON</t>
  </si>
  <si>
    <t>702325-26443-2012.gz</t>
  </si>
  <si>
    <t>HOSANNA ROAD</t>
  </si>
  <si>
    <t>SER-20130316-002</t>
  </si>
  <si>
    <t>727677-99999-2005.gz</t>
  </si>
  <si>
    <t>IRON ORE</t>
  </si>
  <si>
    <t>THE PINES</t>
  </si>
  <si>
    <t>PORTNEUFR.</t>
  </si>
  <si>
    <t xml:space="preserve">FKU-12592                </t>
  </si>
  <si>
    <t>AMMO</t>
  </si>
  <si>
    <t>MEADOW LARK RD</t>
  </si>
  <si>
    <t>722517-12932-2008.gz</t>
  </si>
  <si>
    <t>SAN PO FIRE</t>
  </si>
  <si>
    <t>722535-12909-2011.gz</t>
  </si>
  <si>
    <t>FY2011-EFFINGHAM-056</t>
  </si>
  <si>
    <t>THANKS SAM</t>
  </si>
  <si>
    <t>SWR-20130411-001</t>
  </si>
  <si>
    <t>ELAM RD (51)</t>
  </si>
  <si>
    <t>HORNBUCKLE</t>
  </si>
  <si>
    <t>MS1613</t>
  </si>
  <si>
    <t>TIRE TRACKS</t>
  </si>
  <si>
    <t>722484-53905-2015.gz</t>
  </si>
  <si>
    <t>FY2000-JENKINS-057</t>
  </si>
  <si>
    <t>KELLY GRADE 2 (62)</t>
  </si>
  <si>
    <t>720317-03735-2010.gz</t>
  </si>
  <si>
    <t>SLEEPING ON A LOG</t>
  </si>
  <si>
    <t>ST. MARY'S CANEL</t>
  </si>
  <si>
    <t>722053-12841-2005.gz</t>
  </si>
  <si>
    <t>HIGHGATES 2 FIRE</t>
  </si>
  <si>
    <t>722728-03196-2012.gz</t>
  </si>
  <si>
    <t>MON MACK AND MONTELONGO</t>
  </si>
  <si>
    <t>FY2001-BRANTLEY-073</t>
  </si>
  <si>
    <t>SAVAGE</t>
  </si>
  <si>
    <t>FY2014-MONTGOMERY-008</t>
  </si>
  <si>
    <t>WASHINGTON ASST 2</t>
  </si>
  <si>
    <t>ROSS MT</t>
  </si>
  <si>
    <t>MANVILLE</t>
  </si>
  <si>
    <t>OWENS FIRE</t>
  </si>
  <si>
    <t>RED CANYON</t>
  </si>
  <si>
    <t>HOSEMAN</t>
  </si>
  <si>
    <t>LA SAGUNADA N</t>
  </si>
  <si>
    <t>MS0    0808-4550409002</t>
  </si>
  <si>
    <t xml:space="preserve">VIEW                     </t>
  </si>
  <si>
    <t>ACCESS</t>
  </si>
  <si>
    <t>ROBERTS MOUNTAIN</t>
  </si>
  <si>
    <t>SUNNYCREST @ DIVISON</t>
  </si>
  <si>
    <t>UNKNOWN PONY</t>
  </si>
  <si>
    <t>727836-99999-1995.gz</t>
  </si>
  <si>
    <t>SCHILLER RANCH</t>
  </si>
  <si>
    <t>911620-22501-2008.gz</t>
  </si>
  <si>
    <t xml:space="preserve">LIGHTNING #37            </t>
  </si>
  <si>
    <t>JBU12</t>
  </si>
  <si>
    <t>LIVINGSTON - 643</t>
  </si>
  <si>
    <t>BRUSHY MOUNTAIN FIRE</t>
  </si>
  <si>
    <t>FY2003-BARTOW-017</t>
  </si>
  <si>
    <t>BAD DAY</t>
  </si>
  <si>
    <t>720968-00340-2012.gz</t>
  </si>
  <si>
    <t>WATER CREEK</t>
  </si>
  <si>
    <t>MAGNOLIA (22)</t>
  </si>
  <si>
    <t>HWY 152  E/ COYOTE RD</t>
  </si>
  <si>
    <t>727504-94999-2013.gz</t>
  </si>
  <si>
    <t>722026-99999-2004.gz</t>
  </si>
  <si>
    <t xml:space="preserve">PENON BLANCO FIRE        </t>
  </si>
  <si>
    <t>SILVER CREEK RESERVOIR</t>
  </si>
  <si>
    <t>FY2012-TOOMBS-006</t>
  </si>
  <si>
    <t>724075-13735-2013.gz</t>
  </si>
  <si>
    <t>LARKIN</t>
  </si>
  <si>
    <t>FY2003-PEACH-004</t>
  </si>
  <si>
    <t>ESWANK</t>
  </si>
  <si>
    <t>TOPE 1</t>
  </si>
  <si>
    <t>FAIRLAND</t>
  </si>
  <si>
    <t>720542-00166-2014.gz</t>
  </si>
  <si>
    <t>REST HOME FIRE</t>
  </si>
  <si>
    <t>PUTTING WATER ON IT</t>
  </si>
  <si>
    <t>720598-00191-2009.gz</t>
  </si>
  <si>
    <t>GONZALEZ BROS. RD.</t>
  </si>
  <si>
    <t>FY2011-BERRIEN-056</t>
  </si>
  <si>
    <t>726227-94790-2004.gz</t>
  </si>
  <si>
    <t xml:space="preserve">BU-SHAY                  </t>
  </si>
  <si>
    <t>722275-99999-2001.gz</t>
  </si>
  <si>
    <t>WHITTEN CR</t>
  </si>
  <si>
    <t>KODAK</t>
  </si>
  <si>
    <t>HACKER'S CREEK</t>
  </si>
  <si>
    <t>MOONSHINE LN</t>
  </si>
  <si>
    <t>722154-53885-2013.gz</t>
  </si>
  <si>
    <t>HIGHWAY511</t>
  </si>
  <si>
    <t>725533-94957-2008.gz</t>
  </si>
  <si>
    <t>726785-24135-1996.gz</t>
  </si>
  <si>
    <t>WHITECLIFF</t>
  </si>
  <si>
    <t>SUGAR MTN.</t>
  </si>
  <si>
    <t>TOASTED SQUIRREL</t>
  </si>
  <si>
    <t>726816-04110-2006.gz</t>
  </si>
  <si>
    <t>LESLIE FIRE</t>
  </si>
  <si>
    <t>POPE</t>
  </si>
  <si>
    <t>GERITOL</t>
  </si>
  <si>
    <t>FAIRFIELD (51)</t>
  </si>
  <si>
    <t>992120-99999-1993.gz</t>
  </si>
  <si>
    <t>CORN COB FIRE</t>
  </si>
  <si>
    <t>722026-12826-2011.gz</t>
  </si>
  <si>
    <t>FM 1430 RD.</t>
  </si>
  <si>
    <t>FY2000-WALKER-086</t>
  </si>
  <si>
    <t>FY2013-RICHMOND-009</t>
  </si>
  <si>
    <t>BILLY ROSS</t>
  </si>
  <si>
    <t>03-04-NEW ROAD FIRE-0846</t>
  </si>
  <si>
    <t>DIK FK</t>
  </si>
  <si>
    <t>(2)WHITE FLATS RD</t>
  </si>
  <si>
    <t>LITTLE SALMON CREEK</t>
  </si>
  <si>
    <t>747186-03164-2015.gz</t>
  </si>
  <si>
    <t>725045-14758-1997.gz</t>
  </si>
  <si>
    <t>OVERSTREET</t>
  </si>
  <si>
    <t>GANTRELL</t>
  </si>
  <si>
    <t>726487-99999-1999.gz</t>
  </si>
  <si>
    <t>725029-99999-2005.gz</t>
  </si>
  <si>
    <t>FY2014-THOMAS-005</t>
  </si>
  <si>
    <t>722147-53817-2014.gz</t>
  </si>
  <si>
    <t xml:space="preserve">CENTERVILLE              </t>
  </si>
  <si>
    <t>722123-12809-2007.gz</t>
  </si>
  <si>
    <t>743946-99999-1994.gz</t>
  </si>
  <si>
    <t xml:space="preserve">HIDDEN                   </t>
  </si>
  <si>
    <t>GATE 7</t>
  </si>
  <si>
    <t>BACK BURN</t>
  </si>
  <si>
    <t>MCGILL RD (07)</t>
  </si>
  <si>
    <t>NO SIGNAL</t>
  </si>
  <si>
    <t>727675-94011-2007.gz</t>
  </si>
  <si>
    <t>INDIAN HILLS</t>
  </si>
  <si>
    <t>MONTEREY RD  SOUTH_COU 44</t>
  </si>
  <si>
    <t xml:space="preserve">OAK#3                    </t>
  </si>
  <si>
    <t>BARBER POLE</t>
  </si>
  <si>
    <t>727505-04929-2013.gz</t>
  </si>
  <si>
    <t>702225-99999-1994.gz</t>
  </si>
  <si>
    <t>IMPACT</t>
  </si>
  <si>
    <t>CR 4620 FIRE</t>
  </si>
  <si>
    <t xml:space="preserve">DEVLIN                   </t>
  </si>
  <si>
    <t>CHAINS FIRES</t>
  </si>
  <si>
    <t>720269-12982-2012.gz</t>
  </si>
  <si>
    <t>ARBUTUS</t>
  </si>
  <si>
    <t>727344-99999-2003.gz</t>
  </si>
  <si>
    <t>MS0605</t>
  </si>
  <si>
    <t>724019-99999-2001.gz</t>
  </si>
  <si>
    <t>MADDEN RD (46)</t>
  </si>
  <si>
    <t>722246-03844-2012.gz</t>
  </si>
  <si>
    <t>FY2001-LUMPKIN-063</t>
  </si>
  <si>
    <t>DEAD HORSE SPRINGS</t>
  </si>
  <si>
    <t>725970-24225-1993.gz</t>
  </si>
  <si>
    <t>AMIGO</t>
  </si>
  <si>
    <t>723114-03715-2012.gz</t>
  </si>
  <si>
    <t>POOR VALLEY / PRICE ROAD (3)</t>
  </si>
  <si>
    <t>BUYOUT</t>
  </si>
  <si>
    <t>CROSSROADS NORTH</t>
  </si>
  <si>
    <t>MS0    0909-4300322006</t>
  </si>
  <si>
    <t>SUNRISE #1</t>
  </si>
  <si>
    <t>QUARTERSPR</t>
  </si>
  <si>
    <t>PREWETT</t>
  </si>
  <si>
    <t>FY2002-LIBERTY-097</t>
  </si>
  <si>
    <t>STILES RD FIRE</t>
  </si>
  <si>
    <t>UNNAMED FIRE 1964</t>
  </si>
  <si>
    <t>FY2002-FLOYD-024</t>
  </si>
  <si>
    <t>OUTER SPRINGER</t>
  </si>
  <si>
    <t>702740-25331-2010.gz</t>
  </si>
  <si>
    <t>TINY</t>
  </si>
  <si>
    <t>C15-14008</t>
  </si>
  <si>
    <t>STEPHENS</t>
  </si>
  <si>
    <t>FW DEPOT - 1</t>
  </si>
  <si>
    <t>SHAW DRAW</t>
  </si>
  <si>
    <t>CHAMPION CREEK</t>
  </si>
  <si>
    <t>FY2001-TELFAIR-056</t>
  </si>
  <si>
    <t xml:space="preserve">FKU 22588                </t>
  </si>
  <si>
    <t>MADSTONE</t>
  </si>
  <si>
    <t>MAMMOTH</t>
  </si>
  <si>
    <t>724094-54743-2007.gz</t>
  </si>
  <si>
    <t>MM 158</t>
  </si>
  <si>
    <t>HORSE SHOE</t>
  </si>
  <si>
    <t>HARTZFELD</t>
  </si>
  <si>
    <t>WF 64 BREAK 9</t>
  </si>
  <si>
    <t>IRISH</t>
  </si>
  <si>
    <t>2470 PP AVE, WILLIAMSBURG, IOWA</t>
  </si>
  <si>
    <t>725462-14937-2010.gz</t>
  </si>
  <si>
    <t>727440-14858-2011.gz</t>
  </si>
  <si>
    <t>DEMPSEY RANCH (67)</t>
  </si>
  <si>
    <t>MOUNT MURPHY RD / MARSHAL</t>
  </si>
  <si>
    <t>FY2015-GRADY-009</t>
  </si>
  <si>
    <t>MAYBERRY MORE</t>
  </si>
  <si>
    <t>TUNUPA</t>
  </si>
  <si>
    <t>725860-99999-2004.gz</t>
  </si>
  <si>
    <t>726813-94195-2012.gz</t>
  </si>
  <si>
    <t>LANE GULCH</t>
  </si>
  <si>
    <t>725717-99999-2003.gz</t>
  </si>
  <si>
    <t>722275-99999-1995.gz</t>
  </si>
  <si>
    <t>FY2011-BARTOW-059</t>
  </si>
  <si>
    <t>KELLY CREEK</t>
  </si>
  <si>
    <t>727815-24237-2015.gz</t>
  </si>
  <si>
    <t>LIVINGSTON - 148</t>
  </si>
  <si>
    <t>TAL N 25</t>
  </si>
  <si>
    <t>49 days 00:00:00.000000000</t>
  </si>
  <si>
    <t>701780-26529-1993.gz</t>
  </si>
  <si>
    <t>RED ROAD</t>
  </si>
  <si>
    <t>726449-04891-2007.gz</t>
  </si>
  <si>
    <t>723406-93991-2011.gz</t>
  </si>
  <si>
    <t xml:space="preserve">COYOTE RANCH FIRE </t>
  </si>
  <si>
    <t>HWY 80 WEST</t>
  </si>
  <si>
    <t>E.SAGEJCT2</t>
  </si>
  <si>
    <t>MSG. IN A BOTL(38)</t>
  </si>
  <si>
    <t>725705-99999-2002.gz</t>
  </si>
  <si>
    <t>AXTELL-RIDGEWAY RD FIRE</t>
  </si>
  <si>
    <t>724400-13995-2001.gz</t>
  </si>
  <si>
    <t>RETRO HUGHES (RED)</t>
  </si>
  <si>
    <t>725473-94979-2008.gz</t>
  </si>
  <si>
    <t>HOOKER FLAT</t>
  </si>
  <si>
    <t>BRANCH</t>
  </si>
  <si>
    <t>GRASS EDER</t>
  </si>
  <si>
    <t>727503-04909-2009.gz</t>
  </si>
  <si>
    <t>WELLFIELD (36)</t>
  </si>
  <si>
    <t>NICHOLS FIRE</t>
  </si>
  <si>
    <t>GRASS 23</t>
  </si>
  <si>
    <t>00-2126</t>
  </si>
  <si>
    <t xml:space="preserve">MARINA                   </t>
  </si>
  <si>
    <t>CHAPEL</t>
  </si>
  <si>
    <t>MS0    1010-5570316003</t>
  </si>
  <si>
    <t>RIND</t>
  </si>
  <si>
    <t>SKYLANE</t>
  </si>
  <si>
    <t>722869-03171-2011.gz</t>
  </si>
  <si>
    <t>L 31 NORTH  CANAL    ( 13 )</t>
  </si>
  <si>
    <t>SHIRLEY</t>
  </si>
  <si>
    <t>BABI # 2</t>
  </si>
  <si>
    <t>CASEY</t>
  </si>
  <si>
    <t>FY2013-STEWART-023</t>
  </si>
  <si>
    <t>726116-94765-2009.gz</t>
  </si>
  <si>
    <t>FY2011-BARTOW-060</t>
  </si>
  <si>
    <t>KAVANAGH</t>
  </si>
  <si>
    <t>3AM FIRE</t>
  </si>
  <si>
    <t>FY2002-CATOOSA-027</t>
  </si>
  <si>
    <t>722300-53864-2008.gz</t>
  </si>
  <si>
    <t>LOCK'S CREEK CHURCH</t>
  </si>
  <si>
    <t xml:space="preserve">HOT SPRINGS 2            </t>
  </si>
  <si>
    <t>WABERN</t>
  </si>
  <si>
    <t>AFTERNOON</t>
  </si>
  <si>
    <t xml:space="preserve">FKU-11472                </t>
  </si>
  <si>
    <t>PERANK</t>
  </si>
  <si>
    <t>UNION HIL1</t>
  </si>
  <si>
    <t xml:space="preserve">ALTA # 22                </t>
  </si>
  <si>
    <t>BALDRIDGE</t>
  </si>
  <si>
    <t>COOPER STORE FIRE</t>
  </si>
  <si>
    <t>ALTMAN   (22)</t>
  </si>
  <si>
    <t xml:space="preserve">BADGER                   </t>
  </si>
  <si>
    <t>CANNON</t>
  </si>
  <si>
    <t>BIG OAK (62)</t>
  </si>
  <si>
    <t>SUSIE FIRE</t>
  </si>
  <si>
    <t>9290-RD</t>
  </si>
  <si>
    <t>US 35</t>
  </si>
  <si>
    <t>WARMSPRING</t>
  </si>
  <si>
    <t>BILLY'S BR</t>
  </si>
  <si>
    <t>WILLIAMS 1</t>
  </si>
  <si>
    <t>724113-53881-2010.gz</t>
  </si>
  <si>
    <t>720351-54919-2014.gz</t>
  </si>
  <si>
    <t>GRILL</t>
  </si>
  <si>
    <t>725396-14815-2006.gz</t>
  </si>
  <si>
    <t>CHERYL LANE (35)</t>
  </si>
  <si>
    <t>722213-12819-2012.gz</t>
  </si>
  <si>
    <t>DONAHO</t>
  </si>
  <si>
    <t>FY2003-CHEROKEE-001</t>
  </si>
  <si>
    <t>PHILLIPS FIRE</t>
  </si>
  <si>
    <t>ROBERTS ROAD</t>
  </si>
  <si>
    <t>726945-99999-2001.gz</t>
  </si>
  <si>
    <t xml:space="preserve">SCOTT                    </t>
  </si>
  <si>
    <t>SWR-20150216-008</t>
  </si>
  <si>
    <t>FY2001-POLK-006</t>
  </si>
  <si>
    <t>BRADSHAW MTN.</t>
  </si>
  <si>
    <t xml:space="preserve">HANYES RD </t>
  </si>
  <si>
    <t>FY2011-BRANTLEY-134</t>
  </si>
  <si>
    <t>LOZIER CANYON</t>
  </si>
  <si>
    <t>722616-03032-2006.gz</t>
  </si>
  <si>
    <t>725105-14770-2009.gz</t>
  </si>
  <si>
    <t>724296-13841-2004.gz</t>
  </si>
  <si>
    <t>THIEF VALLEY</t>
  </si>
  <si>
    <t>724463-13988-2008.gz</t>
  </si>
  <si>
    <t>FY2011-OCONEE-006</t>
  </si>
  <si>
    <t>BIG GOAT</t>
  </si>
  <si>
    <t>TRAIN #1</t>
  </si>
  <si>
    <t>WEST ALAMO FIRE</t>
  </si>
  <si>
    <t>ALFRED</t>
  </si>
  <si>
    <t>FY2012-WARE-022</t>
  </si>
  <si>
    <t>TURKEY BRANCH</t>
  </si>
  <si>
    <t>DOF 555</t>
  </si>
  <si>
    <t>SWR-20150310-004</t>
  </si>
  <si>
    <t>LYNDALE 2</t>
  </si>
  <si>
    <t>BAKER</t>
  </si>
  <si>
    <t>SER-20140927-001</t>
  </si>
  <si>
    <t>MCDUFFIE RD.</t>
  </si>
  <si>
    <t>PENNSCOTT</t>
  </si>
  <si>
    <t>724016-93736-2009.gz</t>
  </si>
  <si>
    <t>RT 650</t>
  </si>
  <si>
    <t>SWR-20150403-002</t>
  </si>
  <si>
    <t>TYRONE-AVERY RD.</t>
  </si>
  <si>
    <t>HORTTOR-GREEN FIRE</t>
  </si>
  <si>
    <t xml:space="preserve">PALMS IC                 </t>
  </si>
  <si>
    <t>690150-93121-2008.gz</t>
  </si>
  <si>
    <t>AGAPE</t>
  </si>
  <si>
    <t>CR278</t>
  </si>
  <si>
    <t>723490-99999-2013.gz</t>
  </si>
  <si>
    <t>ROUND BALER</t>
  </si>
  <si>
    <t>720663-99999-2012.gz</t>
  </si>
  <si>
    <t>IT JUMPED THE ROAD</t>
  </si>
  <si>
    <t>CHUWEAH CREEK</t>
  </si>
  <si>
    <t>TOLES</t>
  </si>
  <si>
    <t>MAJESTIC</t>
  </si>
  <si>
    <t>CASTRO</t>
  </si>
  <si>
    <t>ORCHARD 2</t>
  </si>
  <si>
    <t>725314-99999-1992.gz</t>
  </si>
  <si>
    <t>ADEL</t>
  </si>
  <si>
    <t>723350-13877-2010.gz</t>
  </si>
  <si>
    <t>BIG BOY</t>
  </si>
  <si>
    <t>FY2015-JOHNSON-015</t>
  </si>
  <si>
    <t>REGAN CHURCH. RD.</t>
  </si>
  <si>
    <t>JILL KRISTEN LN</t>
  </si>
  <si>
    <t>722927-99999-1992.gz</t>
  </si>
  <si>
    <t>HWY 46</t>
  </si>
  <si>
    <t>LITTLE RUN</t>
  </si>
  <si>
    <t>FY2001-BERRIEN-025</t>
  </si>
  <si>
    <t>FY2000-BAKER-053</t>
  </si>
  <si>
    <t>BETHEL 2</t>
  </si>
  <si>
    <t>CANELO</t>
  </si>
  <si>
    <t>OXBOW FIRE</t>
  </si>
  <si>
    <t>REINBOLDS</t>
  </si>
  <si>
    <t>VILLANOW RD. FIRE</t>
  </si>
  <si>
    <t>BOX CANYON</t>
  </si>
  <si>
    <t>724765-93013-2010.gz</t>
  </si>
  <si>
    <t>OWHI FLATS</t>
  </si>
  <si>
    <t>FY2003-HANCOCK-002</t>
  </si>
  <si>
    <t>744989-14747-1997.gz</t>
  </si>
  <si>
    <t>PRAIRE ELK</t>
  </si>
  <si>
    <t>727686-99999-1993.gz</t>
  </si>
  <si>
    <t>3881 ZION HILL ROAD</t>
  </si>
  <si>
    <t>FY2002-TWIGGS-118</t>
  </si>
  <si>
    <t>727459-94964-2015.gz</t>
  </si>
  <si>
    <t>WATER TANK FIRE</t>
  </si>
  <si>
    <t>VERSION</t>
  </si>
  <si>
    <t>727677-94041-2014.gz</t>
  </si>
  <si>
    <t>SUNDAY CANYON</t>
  </si>
  <si>
    <t>WHISKEY CANYON RANCH</t>
  </si>
  <si>
    <t>DILLOWAY 1</t>
  </si>
  <si>
    <t>720351-54919-2009.gz</t>
  </si>
  <si>
    <t>BOONE RD</t>
  </si>
  <si>
    <t>FLAMINGDER</t>
  </si>
  <si>
    <t>725760-24021-1997.gz</t>
  </si>
  <si>
    <t>8541 BURREL</t>
  </si>
  <si>
    <t>FY2012-IRWIN-022</t>
  </si>
  <si>
    <t>722062-63842-2012.gz</t>
  </si>
  <si>
    <t>SUBLET 1</t>
  </si>
  <si>
    <t>2 TRACK</t>
  </si>
  <si>
    <t>720977-99999-2015.gz</t>
  </si>
  <si>
    <t>722029-12888-2010.gz</t>
  </si>
  <si>
    <t>722099-53936-2012.gz</t>
  </si>
  <si>
    <t>726377-99999-1992.gz</t>
  </si>
  <si>
    <t>KITTANNING PIKE FIRE</t>
  </si>
  <si>
    <t>OLD PHILLIPS ROAD FIRE</t>
  </si>
  <si>
    <t>CLIFF FIRE</t>
  </si>
  <si>
    <t>FY2002-WALKER-017</t>
  </si>
  <si>
    <t>PARA</t>
  </si>
  <si>
    <t>727827-24110-1996.gz</t>
  </si>
  <si>
    <t>FY2001-WASHINGTON-103</t>
  </si>
  <si>
    <t>BUBBA #2</t>
  </si>
  <si>
    <t>10382 FM 2790</t>
  </si>
  <si>
    <t>SYCAMORE#9</t>
  </si>
  <si>
    <t>MUTUAL AID/MCCULLOCH CO/US87S</t>
  </si>
  <si>
    <t>CLEARWATER (53)</t>
  </si>
  <si>
    <t>FY2002-LINCOLN-011</t>
  </si>
  <si>
    <t>RED LAKE 253</t>
  </si>
  <si>
    <t xml:space="preserve">"BUTTON,R."              </t>
  </si>
  <si>
    <t>997702-99999-2014.gz</t>
  </si>
  <si>
    <t>722143-53975-2007.gz</t>
  </si>
  <si>
    <t>WW1002</t>
  </si>
  <si>
    <t>EUREKA PALM</t>
  </si>
  <si>
    <t>EAST ROCK</t>
  </si>
  <si>
    <t>BETTY'S LANE</t>
  </si>
  <si>
    <t xml:space="preserve">GEYSERS                  </t>
  </si>
  <si>
    <t>MURR CREEK</t>
  </si>
  <si>
    <t>WALKER MILLS ROAD</t>
  </si>
  <si>
    <t xml:space="preserve">HOOVER                   </t>
  </si>
  <si>
    <t>N HWY 280  / HWY 92  E 65</t>
  </si>
  <si>
    <t>MS0    1111-5430603004</t>
  </si>
  <si>
    <t>FY2002-GWINNETT-013</t>
  </si>
  <si>
    <t>NORTH PEAK</t>
  </si>
  <si>
    <t xml:space="preserve">PASSALAQUA               </t>
  </si>
  <si>
    <t xml:space="preserve">BLACK MNT                </t>
  </si>
  <si>
    <t>FY2013-CARROLL-027</t>
  </si>
  <si>
    <t>HUFFINES FIRE</t>
  </si>
  <si>
    <t xml:space="preserve">FKU 6838                 </t>
  </si>
  <si>
    <t>BEAN BELLY</t>
  </si>
  <si>
    <t>184 days 00:00:00.000000000</t>
  </si>
  <si>
    <t xml:space="preserve">ELK                      </t>
  </si>
  <si>
    <t>COW PILE GULCH</t>
  </si>
  <si>
    <t>745985-63806-2013.gz</t>
  </si>
  <si>
    <t>EASTPEARL2</t>
  </si>
  <si>
    <t>NEV5574958</t>
  </si>
  <si>
    <t>WILLIAMS#4</t>
  </si>
  <si>
    <t>DRY MONDAY #4</t>
  </si>
  <si>
    <t>LITTLE SMOKEY</t>
  </si>
  <si>
    <t>ROSEWOOD FIRE</t>
  </si>
  <si>
    <t>723400-99999-2004.gz</t>
  </si>
  <si>
    <t>FM 444 @ KEERAN RD.</t>
  </si>
  <si>
    <t xml:space="preserve">AUBERRY 9                </t>
  </si>
  <si>
    <t>KINNEY RIM</t>
  </si>
  <si>
    <t>725700-99999-2000.gz</t>
  </si>
  <si>
    <t>CHOKCHERRY</t>
  </si>
  <si>
    <t>CR 1118</t>
  </si>
  <si>
    <t>TWIN SISTERS RD  SUISU 10</t>
  </si>
  <si>
    <t>1624 220TH STREET, IOWA</t>
  </si>
  <si>
    <t>725486-04906-2010.gz</t>
  </si>
  <si>
    <t>726502-99999-2002.gz</t>
  </si>
  <si>
    <t>LEANORD ROAD</t>
  </si>
  <si>
    <t>MOUNTAIN VIEW ROAD</t>
  </si>
  <si>
    <t>MANY BUCK</t>
  </si>
  <si>
    <t>725294-00383-2009.gz</t>
  </si>
  <si>
    <t>FY2003-ELBERT-007</t>
  </si>
  <si>
    <t>WHITE TRUCK</t>
  </si>
  <si>
    <t xml:space="preserve">SPRING                   </t>
  </si>
  <si>
    <t>725085-54756-2015.gz</t>
  </si>
  <si>
    <t>BUZZARD IN POWER LINES</t>
  </si>
  <si>
    <t>CRAWFORD 16</t>
  </si>
  <si>
    <t>MUTUAL AIDE</t>
  </si>
  <si>
    <t>723434-03973-2011.gz</t>
  </si>
  <si>
    <t>GAME RANCH</t>
  </si>
  <si>
    <t>PIGSKIN</t>
  </si>
  <si>
    <t>TRAM 2</t>
  </si>
  <si>
    <t>OKREEK</t>
  </si>
  <si>
    <t>726518-94990-2014.gz</t>
  </si>
  <si>
    <t>JACK GANDY</t>
  </si>
  <si>
    <t>KIPLINGER FIRE</t>
  </si>
  <si>
    <t>WHATS GOING ON FIRE</t>
  </si>
  <si>
    <t>POISON</t>
  </si>
  <si>
    <t>FY2001-BRYAN NORTH-069</t>
  </si>
  <si>
    <t>RT 52/RODERFIELD</t>
  </si>
  <si>
    <t>SWINTRCAMP</t>
  </si>
  <si>
    <t xml:space="preserve">ROAD 13                  </t>
  </si>
  <si>
    <t>IRONHORSE COMMAND</t>
  </si>
  <si>
    <t>OTHA HOLLAND OUT</t>
  </si>
  <si>
    <t>NORTHGATE FIRE</t>
  </si>
  <si>
    <t>STOUT HOLLOW ROAD FIRE</t>
  </si>
  <si>
    <t>3D HOLLOW</t>
  </si>
  <si>
    <t>ST MARKS</t>
  </si>
  <si>
    <t>ALTONAH</t>
  </si>
  <si>
    <t xml:space="preserve">GRASS FIRE CR 242 </t>
  </si>
  <si>
    <t>GILA</t>
  </si>
  <si>
    <t>PARNELL (40)</t>
  </si>
  <si>
    <t xml:space="preserve">GLADWIN 06                                        </t>
  </si>
  <si>
    <t>726380-94814-2011.gz</t>
  </si>
  <si>
    <t>BUSKIRK HOLLOW</t>
  </si>
  <si>
    <t xml:space="preserve">MERVEL AV  LOS_BANOS 3   </t>
  </si>
  <si>
    <t>LINDEN - 90</t>
  </si>
  <si>
    <t>CURRY</t>
  </si>
  <si>
    <t>KANSAS</t>
  </si>
  <si>
    <t>723086-93741-2007.gz</t>
  </si>
  <si>
    <t>3191 S COUNTY TRAIL, WEST KINGSTON, RI 02892</t>
  </si>
  <si>
    <t>HWY 285 EAST</t>
  </si>
  <si>
    <t>724296-99999-2000.gz</t>
  </si>
  <si>
    <t>NO MORE SHED</t>
  </si>
  <si>
    <t>AGERT TRACK 2</t>
  </si>
  <si>
    <t>725865-99999-2005.gz</t>
  </si>
  <si>
    <t>351 FIRE</t>
  </si>
  <si>
    <t>RED HORSE</t>
  </si>
  <si>
    <t>03/RING ROAD-0701</t>
  </si>
  <si>
    <t>VON ZIPPER</t>
  </si>
  <si>
    <t>FY2002-LAURENS-071</t>
  </si>
  <si>
    <t>HENDERSON - 424</t>
  </si>
  <si>
    <t>SDA FIRE</t>
  </si>
  <si>
    <t>06-12-NOV/RAMON COURT FIRE -1506</t>
  </si>
  <si>
    <t>BEDELL FLATS</t>
  </si>
  <si>
    <t>SPARROW(27)</t>
  </si>
  <si>
    <t>BLOODRUN2</t>
  </si>
  <si>
    <t xml:space="preserve">FOX                      </t>
  </si>
  <si>
    <t>MANEY BRANCH FIRE</t>
  </si>
  <si>
    <t>ROSE 2</t>
  </si>
  <si>
    <t>KYLEE</t>
  </si>
  <si>
    <t>TOMMY</t>
  </si>
  <si>
    <t>FY2013-MACON-022</t>
  </si>
  <si>
    <t>GOLD VALLEY</t>
  </si>
  <si>
    <t>FY2000-WALKER-096</t>
  </si>
  <si>
    <t>CR 93 S #3</t>
  </si>
  <si>
    <t>CATAMARAN (35)</t>
  </si>
  <si>
    <t>FRANKLIN BASIN</t>
  </si>
  <si>
    <t>OXYGEN BOTTLE</t>
  </si>
  <si>
    <t>COZY CORNERS</t>
  </si>
  <si>
    <t>726763-99999-2005.gz</t>
  </si>
  <si>
    <t>E DINUBA AV /S DE WOLF AV</t>
  </si>
  <si>
    <t>EC70</t>
  </si>
  <si>
    <t>WETAPPO ISLAND (23)</t>
  </si>
  <si>
    <t>FY2011-JOHNSON-085</t>
  </si>
  <si>
    <t>FY2011-TAYLOR-046</t>
  </si>
  <si>
    <t xml:space="preserve">DAILY                    </t>
  </si>
  <si>
    <t>FY2001-JENKINS-011</t>
  </si>
  <si>
    <t xml:space="preserve">BERNARD                  </t>
  </si>
  <si>
    <t>FY2000-GREENE-043</t>
  </si>
  <si>
    <t xml:space="preserve">LOST LAKE                </t>
  </si>
  <si>
    <t>722187-93911-2010.gz</t>
  </si>
  <si>
    <t>WINTON RD FIRE</t>
  </si>
  <si>
    <t>TOMKO</t>
  </si>
  <si>
    <t>HYCO CREEK</t>
  </si>
  <si>
    <t>EAST HILL</t>
  </si>
  <si>
    <t>409 CO RD 334, AL</t>
  </si>
  <si>
    <t>722265-13821-2011.gz</t>
  </si>
  <si>
    <t>727885-99999-1995.gz</t>
  </si>
  <si>
    <t>HEDLEY CR U - FM 203 FIRE</t>
  </si>
  <si>
    <t>725620-24023-2004.gz</t>
  </si>
  <si>
    <t>#44 PODZMICK</t>
  </si>
  <si>
    <t xml:space="preserve">BITTERWATER              </t>
  </si>
  <si>
    <t>724917-23233-1999.gz</t>
  </si>
  <si>
    <t>ST. CROIX</t>
  </si>
  <si>
    <t>720657-99999-2011.gz</t>
  </si>
  <si>
    <t>DESPAIN</t>
  </si>
  <si>
    <t>720542-00166-2012.gz</t>
  </si>
  <si>
    <t>NF SPRINGS</t>
  </si>
  <si>
    <t>GUION FIRE</t>
  </si>
  <si>
    <t>LAKESHORE WOODS FIRE</t>
  </si>
  <si>
    <t>CELEBRATION</t>
  </si>
  <si>
    <t>723177-99999-2004.gz</t>
  </si>
  <si>
    <t>SUNNY SIDE</t>
  </si>
  <si>
    <t xml:space="preserve">HOGSBACK                 </t>
  </si>
  <si>
    <t>FOXY FIRE</t>
  </si>
  <si>
    <t xml:space="preserve">WHALEY                   </t>
  </si>
  <si>
    <t>726514-99999-2003.gz</t>
  </si>
  <si>
    <t xml:space="preserve">TURKEY                   </t>
  </si>
  <si>
    <t>BEARFOOT BOB</t>
  </si>
  <si>
    <t>TROUT FARM</t>
  </si>
  <si>
    <t>SCHNOSE</t>
  </si>
  <si>
    <t>WEST ROCK</t>
  </si>
  <si>
    <t>725835-99999-2004.gz</t>
  </si>
  <si>
    <t>727477-04970-2011.gz</t>
  </si>
  <si>
    <t>DAVID CITY</t>
  </si>
  <si>
    <t>PALOUSE RIVER FIRE</t>
  </si>
  <si>
    <t>727857-94129-2006.gz</t>
  </si>
  <si>
    <t>2014-24</t>
  </si>
  <si>
    <t>NORTH SPRINGS BR.</t>
  </si>
  <si>
    <t>ASHTON WOODS FIRE</t>
  </si>
  <si>
    <t>A00031-03725-2012.gz</t>
  </si>
  <si>
    <t>FY2011-POLK-059</t>
  </si>
  <si>
    <t>CRAZY CURVE</t>
  </si>
  <si>
    <t>12-0848</t>
  </si>
  <si>
    <t>744665-04838-2012.gz</t>
  </si>
  <si>
    <t>128851-06949-10032015-1509</t>
  </si>
  <si>
    <t>LITTLE POSSUM TROT</t>
  </si>
  <si>
    <t>303 MLK</t>
  </si>
  <si>
    <t>FY2000-TIFT-152</t>
  </si>
  <si>
    <t>727856-99999-2003.gz</t>
  </si>
  <si>
    <t>WOODCUTTER</t>
  </si>
  <si>
    <t>MS0    1010-3340923005</t>
  </si>
  <si>
    <t>STANLEY ROAD</t>
  </si>
  <si>
    <t xml:space="preserve">KESWICK#3                </t>
  </si>
  <si>
    <t>ARD C-55</t>
  </si>
  <si>
    <t>CEDAR CLIFF</t>
  </si>
  <si>
    <t>744672-04862-2007.gz</t>
  </si>
  <si>
    <t>PRAIRIE FIRE</t>
  </si>
  <si>
    <t>BRASSIERE STAND</t>
  </si>
  <si>
    <t xml:space="preserve">MOUNT VEEDER 2           </t>
  </si>
  <si>
    <t>VISITOR</t>
  </si>
  <si>
    <t xml:space="preserve">"CHAMBERS, C"            </t>
  </si>
  <si>
    <t>WRCANYON#2</t>
  </si>
  <si>
    <t>725765-24061-1992.gz</t>
  </si>
  <si>
    <t>BYROM CIRCLE FIRE</t>
  </si>
  <si>
    <t>CR 4783</t>
  </si>
  <si>
    <t>13-0000867 BRIDGE FIRE</t>
  </si>
  <si>
    <t>FY2011-HABERSHAM-014</t>
  </si>
  <si>
    <t>727477-99999-1996.gz</t>
  </si>
  <si>
    <t>CRADLEBOAR</t>
  </si>
  <si>
    <t>722953-03183-2014.gz</t>
  </si>
  <si>
    <t>FY2003-GILMER-007</t>
  </si>
  <si>
    <t>PULLEY</t>
  </si>
  <si>
    <t>SALLYSEC33</t>
  </si>
  <si>
    <t>LOST CREEK #3</t>
  </si>
  <si>
    <t>ANSLEY</t>
  </si>
  <si>
    <t>LONG CNYN</t>
  </si>
  <si>
    <t>STOLLINGS BRANCH AT OTTAWA</t>
  </si>
  <si>
    <t>726550-14926-1995.gz</t>
  </si>
  <si>
    <t>COOPERS CK.</t>
  </si>
  <si>
    <t>GAMBOA  162  COUNTY</t>
  </si>
  <si>
    <t>36/THE RACE CAR FIRE</t>
  </si>
  <si>
    <t>722108-12894-2010.gz</t>
  </si>
  <si>
    <t>BRUSHY FK/LONGPOLE</t>
  </si>
  <si>
    <t xml:space="preserve">FORKS OF THE BUTTE'S     </t>
  </si>
  <si>
    <t>SANDY MUSH</t>
  </si>
  <si>
    <t>F48</t>
  </si>
  <si>
    <t>JESSON WF</t>
  </si>
  <si>
    <t>702650-99999-1997.gz</t>
  </si>
  <si>
    <t>BILL COX</t>
  </si>
  <si>
    <t>STUART #5</t>
  </si>
  <si>
    <t xml:space="preserve">LOS BERROS               </t>
  </si>
  <si>
    <t>AIRPORT RD. JUNKYARD</t>
  </si>
  <si>
    <t>722553-53928-2013.gz</t>
  </si>
  <si>
    <t>725050-04781-2012.gz</t>
  </si>
  <si>
    <t>SAMAAN</t>
  </si>
  <si>
    <t>SWR-20140410-003</t>
  </si>
  <si>
    <t>RAIL CREEK</t>
  </si>
  <si>
    <t>GREASY BRANCH FIRE</t>
  </si>
  <si>
    <t>HOLLAR DRIVE GRASS FIRE</t>
  </si>
  <si>
    <t>FY2011-CALHOUN-027</t>
  </si>
  <si>
    <t>TH1715</t>
  </si>
  <si>
    <t>INDIANCAMP</t>
  </si>
  <si>
    <t>TWENTY-FIVE</t>
  </si>
  <si>
    <t>DEAR HOLLOW RD</t>
  </si>
  <si>
    <t>BELLFIELD #2</t>
  </si>
  <si>
    <t xml:space="preserve">LOCAL #13188             </t>
  </si>
  <si>
    <t>MM 163</t>
  </si>
  <si>
    <t>DONLEY</t>
  </si>
  <si>
    <t xml:space="preserve">WARNERS                  </t>
  </si>
  <si>
    <t>FY2002-BULLOCH-146</t>
  </si>
  <si>
    <t xml:space="preserve">MCMILLAN                 </t>
  </si>
  <si>
    <t>F145</t>
  </si>
  <si>
    <t>STEVENS CREEK</t>
  </si>
  <si>
    <t>DUKE POWER ROW</t>
  </si>
  <si>
    <t>CR 129</t>
  </si>
  <si>
    <t xml:space="preserve">ASH                      </t>
  </si>
  <si>
    <t>CIDCO</t>
  </si>
  <si>
    <t>FY2002-WALTON-061</t>
  </si>
  <si>
    <t>FY2001-BERRIEN-072</t>
  </si>
  <si>
    <t>724457-03938-2015.gz</t>
  </si>
  <si>
    <t>FY2001-MERIWETHER-026</t>
  </si>
  <si>
    <t>727857-99999-2001.gz</t>
  </si>
  <si>
    <t>724530-13969-2012.gz</t>
  </si>
  <si>
    <t>720326-04981-2007.gz</t>
  </si>
  <si>
    <t>RHINEHART</t>
  </si>
  <si>
    <t>BROCK STREET</t>
  </si>
  <si>
    <t>C.B.Q. JCT</t>
  </si>
  <si>
    <t>726468-99999-1997.gz</t>
  </si>
  <si>
    <t>HARKEY FARMS</t>
  </si>
  <si>
    <t>FERGESON</t>
  </si>
  <si>
    <t>TH2402</t>
  </si>
  <si>
    <t>MT. GEORGE</t>
  </si>
  <si>
    <t>SHORT CREEK FIRE</t>
  </si>
  <si>
    <t>720657-99999-2010.gz</t>
  </si>
  <si>
    <t>911700-22508-2006.gz</t>
  </si>
  <si>
    <t>FRENCH FORK</t>
  </si>
  <si>
    <t>MULE BRANCH CT.</t>
  </si>
  <si>
    <t>722068-99999-1999.gz</t>
  </si>
  <si>
    <t>LONG HOLLOW</t>
  </si>
  <si>
    <t>PETER CAVE</t>
  </si>
  <si>
    <t>LINDEN - 102</t>
  </si>
  <si>
    <t>OLD 129</t>
  </si>
  <si>
    <t>MR.SCOTT</t>
  </si>
  <si>
    <t>LIBERTY ROAD #2</t>
  </si>
  <si>
    <t>POST OFFICE</t>
  </si>
  <si>
    <t>DOOLEY RD</t>
  </si>
  <si>
    <t xml:space="preserve">POZO                     </t>
  </si>
  <si>
    <t>BREYFOGLE FIRE</t>
  </si>
  <si>
    <t>SILHAN</t>
  </si>
  <si>
    <t>RANDY PERKINS</t>
  </si>
  <si>
    <t>720281-53969-2010.gz</t>
  </si>
  <si>
    <t>CASTLE ROCK</t>
  </si>
  <si>
    <t>78 days 00:00:00.000000000</t>
  </si>
  <si>
    <t>725036-14757-2014.gz</t>
  </si>
  <si>
    <t>726196-99999-2002.gz</t>
  </si>
  <si>
    <t>FOXTOWN FIRE</t>
  </si>
  <si>
    <t>STUMPY</t>
  </si>
  <si>
    <t>727755-24112-1996.gz</t>
  </si>
  <si>
    <t>HAILEY CREEK</t>
  </si>
  <si>
    <t>726777-99999-2000.gz</t>
  </si>
  <si>
    <t>2013-0025</t>
  </si>
  <si>
    <t>FY2013-WILKES-013</t>
  </si>
  <si>
    <t>720294-53898-2013.gz</t>
  </si>
  <si>
    <t>05-10-ELEMENTARY-2011-07-0188</t>
  </si>
  <si>
    <t xml:space="preserve">CLARK                    </t>
  </si>
  <si>
    <t>SALTMARSH ROAD</t>
  </si>
  <si>
    <t>997297-99999-2014.gz</t>
  </si>
  <si>
    <t>725175-64706-2009.gz</t>
  </si>
  <si>
    <t>722108-12894-2007.gz</t>
  </si>
  <si>
    <t>SHEEP CORRAL-TWO CABIN</t>
  </si>
  <si>
    <t>PADDY'S CREEK</t>
  </si>
  <si>
    <t>723148-63859-2012.gz</t>
  </si>
  <si>
    <t>LIGHTHOUSE</t>
  </si>
  <si>
    <t xml:space="preserve">WELLER                   </t>
  </si>
  <si>
    <t>FY2001-HARALSON-014</t>
  </si>
  <si>
    <t xml:space="preserve">FKU # 36844              </t>
  </si>
  <si>
    <t>GRASS FIRE-N271</t>
  </si>
  <si>
    <t>FY2001-EARLY-060</t>
  </si>
  <si>
    <t>REEDS MILL</t>
  </si>
  <si>
    <t>BUOE POND RD.</t>
  </si>
  <si>
    <t>SKUNK CREEK</t>
  </si>
  <si>
    <t>726950-24285-2015.gz</t>
  </si>
  <si>
    <t>726166-54781-2007.gz</t>
  </si>
  <si>
    <t>SHRUB</t>
  </si>
  <si>
    <t>723145-03810-2004.gz</t>
  </si>
  <si>
    <t>FY2002-MURRAY-004</t>
  </si>
  <si>
    <t>GRASS FIRE TEAGUE HIGH SCHOOL</t>
  </si>
  <si>
    <t>726190-99999-2003.gz</t>
  </si>
  <si>
    <t>NUTT MT.</t>
  </si>
  <si>
    <t>BARIUM EXIT WHEAT FIELD</t>
  </si>
  <si>
    <t>723055-63816-2013.gz</t>
  </si>
  <si>
    <t>BLANCHARD</t>
  </si>
  <si>
    <t>EAST SAUNDERS LAKE</t>
  </si>
  <si>
    <t>726917-24284-1995.gz</t>
  </si>
  <si>
    <t>CHALK MTN</t>
  </si>
  <si>
    <t>CUT THROUGH</t>
  </si>
  <si>
    <t>2012-9497</t>
  </si>
  <si>
    <t>BAUTISTA 2</t>
  </si>
  <si>
    <t>MS0    1010-4240114001</t>
  </si>
  <si>
    <t>COUNTRY CLUB GRASS FIRE</t>
  </si>
  <si>
    <t>FY2015-WAYNE-017</t>
  </si>
  <si>
    <t>722090-99999-1991.gz</t>
  </si>
  <si>
    <t xml:space="preserve">JELLYS IC / TAC 3        </t>
  </si>
  <si>
    <t xml:space="preserve">DON PEDRO #4             </t>
  </si>
  <si>
    <t>BULL GULCH</t>
  </si>
  <si>
    <t>LORD HILL</t>
  </si>
  <si>
    <t>727937-24222-2009.gz</t>
  </si>
  <si>
    <t>BLACK GAP</t>
  </si>
  <si>
    <t>DOG BRANCH</t>
  </si>
  <si>
    <t>724053-99999-1998.gz</t>
  </si>
  <si>
    <t>747915-93718-2014.gz</t>
  </si>
  <si>
    <t>721009-99999-2015.gz</t>
  </si>
  <si>
    <t>BUCKEYE FIRE</t>
  </si>
  <si>
    <t>ARLINGTON</t>
  </si>
  <si>
    <t>720644-99999-2012.gz</t>
  </si>
  <si>
    <t>NEW YEARS EVE BRUSHPILES</t>
  </si>
  <si>
    <t>WOODWORTH</t>
  </si>
  <si>
    <t>726544-04958-2011.gz</t>
  </si>
  <si>
    <t>NEWAYGO 02</t>
  </si>
  <si>
    <t>WILLIAMS FIRE CONTINUED!</t>
  </si>
  <si>
    <t>MCREYNOLDS</t>
  </si>
  <si>
    <t>725776-99999-1996.gz</t>
  </si>
  <si>
    <t>VERDUN CREEK</t>
  </si>
  <si>
    <t>WINTON</t>
  </si>
  <si>
    <t>PACE TRACT</t>
  </si>
  <si>
    <t>CRP BURNING(USAD)</t>
  </si>
  <si>
    <t>SULPHER 9</t>
  </si>
  <si>
    <t>TWIN BUTTES 06/20/2012</t>
  </si>
  <si>
    <t>GAUGE</t>
  </si>
  <si>
    <t>13231 HWY 36 N.</t>
  </si>
  <si>
    <t>FOWLER BRANCH</t>
  </si>
  <si>
    <t>TRASH CAN</t>
  </si>
  <si>
    <t>PRICKLY</t>
  </si>
  <si>
    <t>6 YUROK</t>
  </si>
  <si>
    <t>ITA RD</t>
  </si>
  <si>
    <t>BAUGHER LA</t>
  </si>
  <si>
    <t>MS0    1111-4460217009</t>
  </si>
  <si>
    <t>ROWE</t>
  </si>
  <si>
    <t>BEECH GROVE #2</t>
  </si>
  <si>
    <t>4CORNAC</t>
  </si>
  <si>
    <t>744662-63817-2015.gz</t>
  </si>
  <si>
    <t>FY2013-BROOKS-022</t>
  </si>
  <si>
    <t>720738-00267-2013.gz</t>
  </si>
  <si>
    <t>BRINKMAN GRASS FIRE</t>
  </si>
  <si>
    <t>201 FIRE</t>
  </si>
  <si>
    <t>SUN MEDOW CIR.</t>
  </si>
  <si>
    <t>SOUTHWEST WATER TOWER</t>
  </si>
  <si>
    <t xml:space="preserve">SARON IC TAC4            </t>
  </si>
  <si>
    <t xml:space="preserve">FLUNKEY                  </t>
  </si>
  <si>
    <t>VIRGIN2</t>
  </si>
  <si>
    <t>HERBIE</t>
  </si>
  <si>
    <t>727680-94008-1991.gz</t>
  </si>
  <si>
    <t>PINE SPRING 1</t>
  </si>
  <si>
    <t>NOR-20130309-001</t>
  </si>
  <si>
    <t>720413-00138-2013.gz</t>
  </si>
  <si>
    <t>GOSEBERRY</t>
  </si>
  <si>
    <t xml:space="preserve">CHILI HILL               </t>
  </si>
  <si>
    <t>SOUTH JULIAETTA</t>
  </si>
  <si>
    <t>724180-13781-2007.gz</t>
  </si>
  <si>
    <t>724077-99999-2001.gz</t>
  </si>
  <si>
    <t>BACON CREEK</t>
  </si>
  <si>
    <t>725686-94057-2006.gz</t>
  </si>
  <si>
    <t>C-55</t>
  </si>
  <si>
    <t xml:space="preserve">DULIN RD  PALA_MESA      </t>
  </si>
  <si>
    <t>INC 084</t>
  </si>
  <si>
    <t>726945-24202-2009.gz</t>
  </si>
  <si>
    <t>SHEGON</t>
  </si>
  <si>
    <t>FIVE FINGERS</t>
  </si>
  <si>
    <t>LITTLE ROD</t>
  </si>
  <si>
    <t>RABBIT</t>
  </si>
  <si>
    <t>MALCOLM LANE</t>
  </si>
  <si>
    <t>HCR 2205 AND HCR 2234</t>
  </si>
  <si>
    <t xml:space="preserve">SKY RANCH                </t>
  </si>
  <si>
    <t>BELLS FORK</t>
  </si>
  <si>
    <t>DEEP</t>
  </si>
  <si>
    <t>PLUM POINT</t>
  </si>
  <si>
    <t>OK STATE LINE</t>
  </si>
  <si>
    <t>723600-23051-2005.gz</t>
  </si>
  <si>
    <t>LIVINGSTON - 8066</t>
  </si>
  <si>
    <t>FY2012-APPLING-127</t>
  </si>
  <si>
    <t>BELL MOUNTAIN</t>
  </si>
  <si>
    <t>HAMMOCK</t>
  </si>
  <si>
    <t>720282-03736-2012.gz</t>
  </si>
  <si>
    <t>CORN CRIB FIRE</t>
  </si>
  <si>
    <t>OIL ROAD</t>
  </si>
  <si>
    <t>725686-94057-2010.gz</t>
  </si>
  <si>
    <t>723146-53892-2014.gz</t>
  </si>
  <si>
    <t>EAST ARCADIA 97 PT.1</t>
  </si>
  <si>
    <t>726774-99999-2003.gz</t>
  </si>
  <si>
    <t>416 IRISH CHANNEL WFU</t>
  </si>
  <si>
    <t>702595-99999-2005.gz</t>
  </si>
  <si>
    <t>DEKKAS</t>
  </si>
  <si>
    <t>BACK PORCH</t>
  </si>
  <si>
    <t>SPIKE</t>
  </si>
  <si>
    <t>GRACE CHAPEL RD.</t>
  </si>
  <si>
    <t>LATE NIGHT FIRE</t>
  </si>
  <si>
    <t>727135-94623-2009.gz</t>
  </si>
  <si>
    <t>690170-99999-1999.gz</t>
  </si>
  <si>
    <t>HWY 6 FIRE</t>
  </si>
  <si>
    <t>SEWERVILLE</t>
  </si>
  <si>
    <t>726530-94943-2014.gz</t>
  </si>
  <si>
    <t>SALEM FORK</t>
  </si>
  <si>
    <t>724175-99999-1998.gz</t>
  </si>
  <si>
    <t xml:space="preserve">MOMBER                   </t>
  </si>
  <si>
    <t>725945-24283-1992.gz</t>
  </si>
  <si>
    <t>ROBERT VARNER</t>
  </si>
  <si>
    <t>FM 1275 GRASS</t>
  </si>
  <si>
    <t>723747-03101-2014.gz</t>
  </si>
  <si>
    <t>MS0    0808-6260501002</t>
  </si>
  <si>
    <t>RL 047</t>
  </si>
  <si>
    <t>1200 N HWY 36 BYPASS FIRE</t>
  </si>
  <si>
    <t>WESLEY</t>
  </si>
  <si>
    <t>GEYSERS</t>
  </si>
  <si>
    <t>SOUTH ROAD (27)</t>
  </si>
  <si>
    <t>722014-12818-2013.gz</t>
  </si>
  <si>
    <t>OUTLAW</t>
  </si>
  <si>
    <t>HIGDON COVE</t>
  </si>
  <si>
    <t>OTA 126</t>
  </si>
  <si>
    <t>WW1107</t>
  </si>
  <si>
    <t>378FIRE</t>
  </si>
  <si>
    <t>BUTLER CREEK FIRE</t>
  </si>
  <si>
    <t>724007-03719-2006.gz</t>
  </si>
  <si>
    <t xml:space="preserve">SICARD                   </t>
  </si>
  <si>
    <t>BANANA GROVE (13)</t>
  </si>
  <si>
    <t xml:space="preserve">ROADSIDE 8665            </t>
  </si>
  <si>
    <t>PINETOP</t>
  </si>
  <si>
    <t>725140-14778-2006.gz</t>
  </si>
  <si>
    <t>DAGITLI RIVER</t>
  </si>
  <si>
    <t>96 days 00:00:00.000000000</t>
  </si>
  <si>
    <t>702220-26501-2009.gz</t>
  </si>
  <si>
    <t>TOUGH CUT</t>
  </si>
  <si>
    <t>ORCHARD#3</t>
  </si>
  <si>
    <t>UNNAMED FIRE 1999</t>
  </si>
  <si>
    <t>HENRY FULLER</t>
  </si>
  <si>
    <t>1201101 GRASS FIRE</t>
  </si>
  <si>
    <t>EXIT 356</t>
  </si>
  <si>
    <t>BURMA RD FIRE</t>
  </si>
  <si>
    <t>723194-99999-2004.gz</t>
  </si>
  <si>
    <t>727444-04979-2013.gz</t>
  </si>
  <si>
    <t xml:space="preserve">GAMMA                    </t>
  </si>
  <si>
    <t>723820-23182-2005.gz</t>
  </si>
  <si>
    <t>HOG SPRING</t>
  </si>
  <si>
    <t>MAKENS</t>
  </si>
  <si>
    <t>E SECRET</t>
  </si>
  <si>
    <t>724556-13989-1999.gz</t>
  </si>
  <si>
    <t>HAVEN OF REST</t>
  </si>
  <si>
    <t>EMMA</t>
  </si>
  <si>
    <t>LITTLE MALLARD</t>
  </si>
  <si>
    <t>TOWN KNOB</t>
  </si>
  <si>
    <t>ELK ESTATES</t>
  </si>
  <si>
    <t>BUTTERCUP</t>
  </si>
  <si>
    <t>745160-23202-2013.gz</t>
  </si>
  <si>
    <t>25 HILL</t>
  </si>
  <si>
    <t>NAH</t>
  </si>
  <si>
    <t>DRYCREEK</t>
  </si>
  <si>
    <t>JO JO RD.</t>
  </si>
  <si>
    <t>702915-99999-1994.gz</t>
  </si>
  <si>
    <t>CARSON COUNTY FIRE</t>
  </si>
  <si>
    <t>CHEYENNE COUNTY</t>
  </si>
  <si>
    <t>724689-99999-2002.gz</t>
  </si>
  <si>
    <t>LEA VIEW LN</t>
  </si>
  <si>
    <t>1591 LAKE RD</t>
  </si>
  <si>
    <t>ARROW</t>
  </si>
  <si>
    <t xml:space="preserve">NAITO                    </t>
  </si>
  <si>
    <t>JPATJ HARTMAN</t>
  </si>
  <si>
    <t>747360-93042-2010.gz</t>
  </si>
  <si>
    <t>402 OAK FIRE</t>
  </si>
  <si>
    <t>724673-99999-1992.gz</t>
  </si>
  <si>
    <t>LINDEN - 48</t>
  </si>
  <si>
    <t>MCPHERSON</t>
  </si>
  <si>
    <t>PALAMINO</t>
  </si>
  <si>
    <t xml:space="preserve">YANKEE VALLEY            </t>
  </si>
  <si>
    <t>SCHAEFFER</t>
  </si>
  <si>
    <t>BIC LITE</t>
  </si>
  <si>
    <t>MELVIN QUALLS</t>
  </si>
  <si>
    <t>PILAR</t>
  </si>
  <si>
    <t>TOM GARRISON RD</t>
  </si>
  <si>
    <t>SPOTTED</t>
  </si>
  <si>
    <t>SAGO</t>
  </si>
  <si>
    <t>012-060</t>
  </si>
  <si>
    <t>MARSH MINE</t>
  </si>
  <si>
    <t>ROUND BALES</t>
  </si>
  <si>
    <t>FISHERMAN</t>
  </si>
  <si>
    <t>WOODLAND SHORES</t>
  </si>
  <si>
    <t>CHRISTIAN</t>
  </si>
  <si>
    <t>701940-26413-2004.gz</t>
  </si>
  <si>
    <t>COOMER HOL</t>
  </si>
  <si>
    <t>722447-99999-2003.gz</t>
  </si>
  <si>
    <t>FY2013-SPALDING-005</t>
  </si>
  <si>
    <t>MS0    0808-5150415003</t>
  </si>
  <si>
    <t>724450-03945-1995.gz</t>
  </si>
  <si>
    <t>JESSIE LEE</t>
  </si>
  <si>
    <t>726155-99999-1994.gz</t>
  </si>
  <si>
    <t>WIGGINS RACEWAY</t>
  </si>
  <si>
    <t>727834-24136-2014.gz</t>
  </si>
  <si>
    <t>GEORGE BULLOCK</t>
  </si>
  <si>
    <t>FY2001-GWINNETT-010</t>
  </si>
  <si>
    <t>GOOSE BALE</t>
  </si>
  <si>
    <t>GARDNER</t>
  </si>
  <si>
    <t>022114-1</t>
  </si>
  <si>
    <t>FEEDLOT</t>
  </si>
  <si>
    <t>LAND FILL (40)</t>
  </si>
  <si>
    <t>STEAM FLAT</t>
  </si>
  <si>
    <t>CIMARRON COMPLEX</t>
  </si>
  <si>
    <t>724604-99999-1998.gz</t>
  </si>
  <si>
    <t>723403-13963-2014.gz</t>
  </si>
  <si>
    <t>(20) FANTANA TRL FIRE</t>
  </si>
  <si>
    <t xml:space="preserve">OAK 6                    </t>
  </si>
  <si>
    <t>NWR-20140127-009</t>
  </si>
  <si>
    <t>BIGGS</t>
  </si>
  <si>
    <t>ROCKFORD LOST CREEK</t>
  </si>
  <si>
    <t>RT FK BUFFALO CREEK</t>
  </si>
  <si>
    <t>SLEEPY</t>
  </si>
  <si>
    <t>FLAT GAP</t>
  </si>
  <si>
    <t>RETRO HUGHES II</t>
  </si>
  <si>
    <t>BLOW BOAT</t>
  </si>
  <si>
    <t>E.OLBERG</t>
  </si>
  <si>
    <t>WEST FORK CREEK</t>
  </si>
  <si>
    <t>725686-99999-2004.gz</t>
  </si>
  <si>
    <t>ROCKY BRANCH - CARPER</t>
  </si>
  <si>
    <t>HOUCK 1</t>
  </si>
  <si>
    <t>SNAKECREEK</t>
  </si>
  <si>
    <t>PUMKIN RIVER</t>
  </si>
  <si>
    <t>FY2011-TAYLOR-044</t>
  </si>
  <si>
    <t>1420 THREE SKILLET RD</t>
  </si>
  <si>
    <t>PORCH</t>
  </si>
  <si>
    <t>FY2002-MERIWETHER-026</t>
  </si>
  <si>
    <t>YESTERDAY FIRE</t>
  </si>
  <si>
    <t xml:space="preserve">CALAVERITAS              </t>
  </si>
  <si>
    <t>CENTERVILLE</t>
  </si>
  <si>
    <t>WEBER CRP</t>
  </si>
  <si>
    <t>FY2014-DODGE-027</t>
  </si>
  <si>
    <t>SPOKANE CK.</t>
  </si>
  <si>
    <t>727720-24144-1992.gz</t>
  </si>
  <si>
    <t>WHYTES COMET</t>
  </si>
  <si>
    <t>SCOTTY</t>
  </si>
  <si>
    <t>GUEST</t>
  </si>
  <si>
    <t>CONROY</t>
  </si>
  <si>
    <t xml:space="preserve">ROADSIDE #3              </t>
  </si>
  <si>
    <t>14-602</t>
  </si>
  <si>
    <t>MM 99 I-90</t>
  </si>
  <si>
    <t>DIVIDE</t>
  </si>
  <si>
    <t>725710-94025-2005.gz</t>
  </si>
  <si>
    <t>BREZINA</t>
  </si>
  <si>
    <t>HARRISBURG FIRE III</t>
  </si>
  <si>
    <t>EAST FORK</t>
  </si>
  <si>
    <t>CR 226 GRASS FIRE</t>
  </si>
  <si>
    <t>LAFAYETTE</t>
  </si>
  <si>
    <t>FY2014-PULASKI-025</t>
  </si>
  <si>
    <t>STRIKE 3</t>
  </si>
  <si>
    <t xml:space="preserve">HATCHERY                 </t>
  </si>
  <si>
    <t>NASCAR ON HWY 74</t>
  </si>
  <si>
    <t>724870-99999-2000.gz</t>
  </si>
  <si>
    <t>SHALE BUTTE</t>
  </si>
  <si>
    <t>HWY 191</t>
  </si>
  <si>
    <t>FY2012-MARION-011</t>
  </si>
  <si>
    <t>A00029-63820-2013.gz</t>
  </si>
  <si>
    <t>AVE E &amp; HWY 84</t>
  </si>
  <si>
    <t>MILITARY FIRE</t>
  </si>
  <si>
    <t>BUNKER ROAD (66)</t>
  </si>
  <si>
    <t>POLLACK</t>
  </si>
  <si>
    <t>2 MILE</t>
  </si>
  <si>
    <t>LITTLE MTN #2</t>
  </si>
  <si>
    <t>14-0436</t>
  </si>
  <si>
    <t>PREVENT FIRE</t>
  </si>
  <si>
    <t>KAZIK HILL</t>
  </si>
  <si>
    <t>713407-99999-1994.gz</t>
  </si>
  <si>
    <t>SUICIDE #1</t>
  </si>
  <si>
    <t>725525-94949-2008.gz</t>
  </si>
  <si>
    <t>NASSAU RIVER 1 (45)</t>
  </si>
  <si>
    <t>AHKEAHBO</t>
  </si>
  <si>
    <t>726190-94626-2012.gz</t>
  </si>
  <si>
    <t>HERMAN DOWLESS SITE PREP</t>
  </si>
  <si>
    <t>MS0    1111-1590608006</t>
  </si>
  <si>
    <t>HWY 125MM 24</t>
  </si>
  <si>
    <t>FY2001-BUTTS-012</t>
  </si>
  <si>
    <t xml:space="preserve">SLU 3835                 </t>
  </si>
  <si>
    <t>I-10</t>
  </si>
  <si>
    <t>HAY SW 15</t>
  </si>
  <si>
    <t>VALLEY CHAPEL</t>
  </si>
  <si>
    <t>FY2014-SPALDING-005</t>
  </si>
  <si>
    <t>459/RT.6</t>
  </si>
  <si>
    <t>724106-13728-2014.gz</t>
  </si>
  <si>
    <t>725084-99999-2003.gz</t>
  </si>
  <si>
    <t>726465-99999-1995.gz</t>
  </si>
  <si>
    <t>725784-99999-2001.gz</t>
  </si>
  <si>
    <t xml:space="preserve">COW PIE                  </t>
  </si>
  <si>
    <t>190 WEST @ SHELL STATION</t>
  </si>
  <si>
    <t xml:space="preserve">VALENTE                  </t>
  </si>
  <si>
    <t>727735-99999-2002.gz</t>
  </si>
  <si>
    <t>HOUSE MTN</t>
  </si>
  <si>
    <t>FY2001-DADE-045</t>
  </si>
  <si>
    <t>CISCO GAS WELL</t>
  </si>
  <si>
    <t>EMPRESS</t>
  </si>
  <si>
    <t>726625-99999-2003.gz</t>
  </si>
  <si>
    <t>BOILER</t>
  </si>
  <si>
    <t>726544-04958-2015.gz</t>
  </si>
  <si>
    <t>C 111 ( 13 )</t>
  </si>
  <si>
    <t>IR15-527</t>
  </si>
  <si>
    <t>BIKE TRAIL</t>
  </si>
  <si>
    <t>#545</t>
  </si>
  <si>
    <t>DESCHUTES RD / DERSCH R 3</t>
  </si>
  <si>
    <t xml:space="preserve">BORDER #69               </t>
  </si>
  <si>
    <t>722904-23196-1998.gz</t>
  </si>
  <si>
    <t>HWY 154</t>
  </si>
  <si>
    <t>FY2015-LAURENS-017</t>
  </si>
  <si>
    <t>DREIS SCHOOL</t>
  </si>
  <si>
    <t>FY2001-MILLER-004</t>
  </si>
  <si>
    <t>TIME CHANGE</t>
  </si>
  <si>
    <t xml:space="preserve">28 FIRE                  </t>
  </si>
  <si>
    <t>724017-03707-2010.gz</t>
  </si>
  <si>
    <t>GRAND PRIX</t>
  </si>
  <si>
    <t>FARRINGTON</t>
  </si>
  <si>
    <t>724885-93102-2012.gz</t>
  </si>
  <si>
    <t>746929-03702-2007.gz</t>
  </si>
  <si>
    <t>HWY 652 NEAR FM 3541</t>
  </si>
  <si>
    <t>722169-03058-2011.gz</t>
  </si>
  <si>
    <t>LOFTIS HILL</t>
  </si>
  <si>
    <t>HOLLY SHELTER RD. FIRE</t>
  </si>
  <si>
    <t>EYE</t>
  </si>
  <si>
    <t>4151 FM 455</t>
  </si>
  <si>
    <t>UDC</t>
  </si>
  <si>
    <t xml:space="preserve">"""SCHOOL"" INCIDENT"    </t>
  </si>
  <si>
    <t>IRA</t>
  </si>
  <si>
    <t>CARL'S CORNER FIRE</t>
  </si>
  <si>
    <t>#9064</t>
  </si>
  <si>
    <t>720597-00190-2010.gz</t>
  </si>
  <si>
    <t>SAT</t>
  </si>
  <si>
    <t>COLEY STORE RD. FIRE</t>
  </si>
  <si>
    <t>BASKET</t>
  </si>
  <si>
    <t>MACARTHUR</t>
  </si>
  <si>
    <t xml:space="preserve">NICOLAUS                 </t>
  </si>
  <si>
    <t>724837-99999-2003.gz</t>
  </si>
  <si>
    <t>727684-99999-1994.gz</t>
  </si>
  <si>
    <t>MS0    0808-1480218001</t>
  </si>
  <si>
    <t>DONALD DUCK</t>
  </si>
  <si>
    <t>BLACK CAT</t>
  </si>
  <si>
    <t>FY2011-HEARD-005</t>
  </si>
  <si>
    <t>OLD STILL ROAD</t>
  </si>
  <si>
    <t xml:space="preserve">FLOURNOY                 </t>
  </si>
  <si>
    <t>HWY 85 @ CR 4815</t>
  </si>
  <si>
    <t>722202-12985-2012.gz</t>
  </si>
  <si>
    <t xml:space="preserve">LOS VAQUEROS             </t>
  </si>
  <si>
    <t>JOE B</t>
  </si>
  <si>
    <t>ACORN CREEK</t>
  </si>
  <si>
    <t>LUTE'S CRP</t>
  </si>
  <si>
    <t>745430-93978-2007.gz</t>
  </si>
  <si>
    <t>SOUTH PENNOCK</t>
  </si>
  <si>
    <t>LOWER SLOUGH</t>
  </si>
  <si>
    <t>JACOBS FORK</t>
  </si>
  <si>
    <t>BUTKUS (28)</t>
  </si>
  <si>
    <t>ON BIG MT. TOWER RD</t>
  </si>
  <si>
    <t>3287 days 00:00:00.000000000</t>
  </si>
  <si>
    <t>HEAD OF GORE FORK</t>
  </si>
  <si>
    <t>PINEYWOOD</t>
  </si>
  <si>
    <t>JUNCTION</t>
  </si>
  <si>
    <t>HIDDEN AUSTRAILIAN (13)</t>
  </si>
  <si>
    <t>722026-12826-2015.gz</t>
  </si>
  <si>
    <t>FY2002-WORTH-044</t>
  </si>
  <si>
    <t>TURKEY-1</t>
  </si>
  <si>
    <t>ALLEN RYDER</t>
  </si>
  <si>
    <t>NO LIST</t>
  </si>
  <si>
    <t>727556-99999-2000.gz</t>
  </si>
  <si>
    <t>723447-03918-2007.gz</t>
  </si>
  <si>
    <t>OILTANK</t>
  </si>
  <si>
    <t>EARLY MORNINF FIRE</t>
  </si>
  <si>
    <t>FY2012-JEFFERSON-017</t>
  </si>
  <si>
    <t>BLACK MOUNTAIN</t>
  </si>
  <si>
    <t>724769-99999-2001.gz</t>
  </si>
  <si>
    <t>723114-99999-2000.gz</t>
  </si>
  <si>
    <t>SWR-20150216-001</t>
  </si>
  <si>
    <t>BELL367</t>
  </si>
  <si>
    <t>PRIEST</t>
  </si>
  <si>
    <t xml:space="preserve">MOE                      </t>
  </si>
  <si>
    <t>FOWLER 2</t>
  </si>
  <si>
    <t xml:space="preserve">DE LUZ                   </t>
  </si>
  <si>
    <t>KDOT</t>
  </si>
  <si>
    <t>724655-93990-2012.gz</t>
  </si>
  <si>
    <t>COMO FIRE</t>
  </si>
  <si>
    <t>720339-00121-2012.gz</t>
  </si>
  <si>
    <t>HOUSETOP FIRE</t>
  </si>
  <si>
    <t>CANEY BRANCH</t>
  </si>
  <si>
    <t>LAKEWOOD</t>
  </si>
  <si>
    <t>LKWALCOTT1</t>
  </si>
  <si>
    <t xml:space="preserve">CALTRANS                 </t>
  </si>
  <si>
    <t>OWYHEE</t>
  </si>
  <si>
    <t>KEITH FIRE</t>
  </si>
  <si>
    <t>WHITES LAKE 2</t>
  </si>
  <si>
    <t>T CREEK</t>
  </si>
  <si>
    <t>FY2012-EMANUEL-067</t>
  </si>
  <si>
    <t>DAVIS CK.</t>
  </si>
  <si>
    <t>727925-94227-2006.gz</t>
  </si>
  <si>
    <t>5310 HWY 155</t>
  </si>
  <si>
    <t>725194-54778-2011.gz</t>
  </si>
  <si>
    <t>REYNOLDS FIRE</t>
  </si>
  <si>
    <t>RAEL</t>
  </si>
  <si>
    <t>COMPOS</t>
  </si>
  <si>
    <t>SOFA FIRE</t>
  </si>
  <si>
    <t>WOMBLE BRANCH</t>
  </si>
  <si>
    <t>722688-93034-2007.gz</t>
  </si>
  <si>
    <t>YORK</t>
  </si>
  <si>
    <t>SIDEHILL</t>
  </si>
  <si>
    <t>HUCKLEBERRY</t>
  </si>
  <si>
    <t>720638-00224-2013.gz</t>
  </si>
  <si>
    <t>F151</t>
  </si>
  <si>
    <t>WATTS RIDGE</t>
  </si>
  <si>
    <t>PARK FIRE</t>
  </si>
  <si>
    <t>723123-99999-2005.gz</t>
  </si>
  <si>
    <t>720307-63804-2009.gz</t>
  </si>
  <si>
    <t>RL013</t>
  </si>
  <si>
    <t>TINGLE FIRE</t>
  </si>
  <si>
    <t>FAUNA</t>
  </si>
  <si>
    <t>LOOP</t>
  </si>
  <si>
    <t>PLAIN CITY</t>
  </si>
  <si>
    <t>725750-24126-1994.gz</t>
  </si>
  <si>
    <t>FY2002-LAURENS-116</t>
  </si>
  <si>
    <t>726686-24025-2003.gz</t>
  </si>
  <si>
    <t>03-63-791 FIRE-0457</t>
  </si>
  <si>
    <t>MS0    0808-4371124002</t>
  </si>
  <si>
    <t>701793-99999-1995.gz</t>
  </si>
  <si>
    <t>GOING AWAY</t>
  </si>
  <si>
    <t>WESTERN WALL 2</t>
  </si>
  <si>
    <t>BLACKFOOT</t>
  </si>
  <si>
    <t>CR 301 GRASS FIRE</t>
  </si>
  <si>
    <t>HWY 64</t>
  </si>
  <si>
    <t>N. FM 649 RD. REYES ALANIZ RD.</t>
  </si>
  <si>
    <t>723650-23050-2007.gz</t>
  </si>
  <si>
    <t>050 BUMBLEBEE</t>
  </si>
  <si>
    <t>RINNIE</t>
  </si>
  <si>
    <t>WEST COMPANY FIRE-4</t>
  </si>
  <si>
    <t>CONTEXT N</t>
  </si>
  <si>
    <t>MILL CREEK #4</t>
  </si>
  <si>
    <t>726190-94626-2010.gz</t>
  </si>
  <si>
    <t>SANDY RIDGE ROAD FIRE</t>
  </si>
  <si>
    <t>WESSEL RANCH</t>
  </si>
  <si>
    <t>727684-99999-1999.gz</t>
  </si>
  <si>
    <t>IS HE CRAZY</t>
  </si>
  <si>
    <t>SUNSHINE</t>
  </si>
  <si>
    <t>GRN H20 LK</t>
  </si>
  <si>
    <t>SUNDRIES ROAD FIRE</t>
  </si>
  <si>
    <t>OLD ELM</t>
  </si>
  <si>
    <t>724007-03719-2010.gz</t>
  </si>
  <si>
    <t>201 WANDERING OAK</t>
  </si>
  <si>
    <t>726184-94709-2011.gz</t>
  </si>
  <si>
    <t>WARREN VFD</t>
  </si>
  <si>
    <t>723114-03715-2006.gz</t>
  </si>
  <si>
    <t>HY 74  W/ ROSETTA CANYO 4</t>
  </si>
  <si>
    <t>CHERRY CRE</t>
  </si>
  <si>
    <t>724767-99999-2002.gz</t>
  </si>
  <si>
    <t>DUST  (27)</t>
  </si>
  <si>
    <t>FY2002-COLUMBIA-011</t>
  </si>
  <si>
    <t>WF UNIT 9/JDM FIRE</t>
  </si>
  <si>
    <t>FRYING PAN</t>
  </si>
  <si>
    <t xml:space="preserve">P.G.&amp;E. #14              </t>
  </si>
  <si>
    <t>BLUE SLIDE # 2</t>
  </si>
  <si>
    <t>FY2001-WHEELER-013</t>
  </si>
  <si>
    <t>FROZEN CR</t>
  </si>
  <si>
    <t xml:space="preserve">BERG                     </t>
  </si>
  <si>
    <t>KELLEY</t>
  </si>
  <si>
    <t>GUNNER</t>
  </si>
  <si>
    <t>WORD ROAD</t>
  </si>
  <si>
    <t>PRESTON RD.</t>
  </si>
  <si>
    <t>TALLY LAKE ROAD</t>
  </si>
  <si>
    <t>MENARD</t>
  </si>
  <si>
    <t>FOSTER RIDGE FIRE</t>
  </si>
  <si>
    <t>13722 CR 1145</t>
  </si>
  <si>
    <t xml:space="preserve">CHUCKWAGON               </t>
  </si>
  <si>
    <t>LA_JOLLA</t>
  </si>
  <si>
    <t>ALAMO CYN</t>
  </si>
  <si>
    <t>FY2014-UPSON-005</t>
  </si>
  <si>
    <t xml:space="preserve">FLICKER                  </t>
  </si>
  <si>
    <t>ALISO</t>
  </si>
  <si>
    <t>NORTH MEADOW CK 2</t>
  </si>
  <si>
    <t>FY2002-TROUP-016</t>
  </si>
  <si>
    <t>M-MARKER-4</t>
  </si>
  <si>
    <t>WESTSIDE</t>
  </si>
  <si>
    <t>EVA [35]</t>
  </si>
  <si>
    <t>CEDAR PLANTING</t>
  </si>
  <si>
    <t>723525-93986-2006.gz</t>
  </si>
  <si>
    <t>CAP</t>
  </si>
  <si>
    <t>LIVINGSTON - 162</t>
  </si>
  <si>
    <t>NORD</t>
  </si>
  <si>
    <t>FULLER</t>
  </si>
  <si>
    <t>WORTHINGTON ROAD (45)</t>
  </si>
  <si>
    <t>WESLEY RD.</t>
  </si>
  <si>
    <t>PRAIRIE (28)</t>
  </si>
  <si>
    <t>FY2002-SCREVEN-118</t>
  </si>
  <si>
    <t>213/152</t>
  </si>
  <si>
    <t>725127-04726-2008.gz</t>
  </si>
  <si>
    <t>NE30032A</t>
  </si>
  <si>
    <t>BLACK OAK</t>
  </si>
  <si>
    <t>BYRD RANCH</t>
  </si>
  <si>
    <t>COTTON HILLS FIRE</t>
  </si>
  <si>
    <t>RICKER MTN FIRE</t>
  </si>
  <si>
    <t>GOLDSMITH</t>
  </si>
  <si>
    <t>FULLER RANCH</t>
  </si>
  <si>
    <t>726185-14605-2001.gz</t>
  </si>
  <si>
    <t>3094 CR 176</t>
  </si>
  <si>
    <t>0727   MUSKRAT</t>
  </si>
  <si>
    <t>724955-93227-2001.gz</t>
  </si>
  <si>
    <t>BENY</t>
  </si>
  <si>
    <t>722615-22001-2009.gz</t>
  </si>
  <si>
    <t>LIVINGSTON-808</t>
  </si>
  <si>
    <t>SPRING CYN</t>
  </si>
  <si>
    <t>725945-24283-1994.gz</t>
  </si>
  <si>
    <t>GET HER OUT</t>
  </si>
  <si>
    <t>N MTN HOME</t>
  </si>
  <si>
    <t>BIG MONEY</t>
  </si>
  <si>
    <t>650 SCOTTS CREEK RD. 03/20/11</t>
  </si>
  <si>
    <t>CANYON CK</t>
  </si>
  <si>
    <t>BLACK CANYON</t>
  </si>
  <si>
    <t>A1305001</t>
  </si>
  <si>
    <t>MONO</t>
  </si>
  <si>
    <t>FY2015-LONG-016</t>
  </si>
  <si>
    <t>KRAUSE</t>
  </si>
  <si>
    <t>722689-23077-2008.gz</t>
  </si>
  <si>
    <t>CROSSINGS (18)</t>
  </si>
  <si>
    <t>724285-13812-2014.gz</t>
  </si>
  <si>
    <t>SOUTH RES</t>
  </si>
  <si>
    <t>2600 S.REYNOLDS  ALICE TX.</t>
  </si>
  <si>
    <t>E HOWARD FIELD RD</t>
  </si>
  <si>
    <t>FY2002-CRISP-023</t>
  </si>
  <si>
    <t>PORTER CREEK</t>
  </si>
  <si>
    <t>726364-99999-2003.gz</t>
  </si>
  <si>
    <t>MURDER SITE</t>
  </si>
  <si>
    <t>FY2002-CAMDEN-047</t>
  </si>
  <si>
    <t>BUSH RANCH</t>
  </si>
  <si>
    <t>CRISP</t>
  </si>
  <si>
    <t>WEAKLY BRANCH FIRE</t>
  </si>
  <si>
    <t>BUBBA ONE</t>
  </si>
  <si>
    <t>THOMPSEN</t>
  </si>
  <si>
    <t>724776-99999-1994.gz</t>
  </si>
  <si>
    <t>TRAPPERS</t>
  </si>
  <si>
    <t>726690-24057-2015.gz</t>
  </si>
  <si>
    <t>FREEMAN CREEK</t>
  </si>
  <si>
    <t>SPRIG</t>
  </si>
  <si>
    <t xml:space="preserve">METZ #5                  </t>
  </si>
  <si>
    <t>HENDERSON HAY FIRE M/A BYERS</t>
  </si>
  <si>
    <t>720326-04981-2015.gz</t>
  </si>
  <si>
    <t>DICKS</t>
  </si>
  <si>
    <t>TRVFD2010-71</t>
  </si>
  <si>
    <t>745946-93786-2007.gz</t>
  </si>
  <si>
    <t>720607-00199-2014.gz</t>
  </si>
  <si>
    <t>LYONS</t>
  </si>
  <si>
    <t>SYKES RANCH FIRE</t>
  </si>
  <si>
    <t>WHEATFIELD</t>
  </si>
  <si>
    <t>726980-24229-1992.gz</t>
  </si>
  <si>
    <t>MINA-7</t>
  </si>
  <si>
    <t>ASPEN ROAD</t>
  </si>
  <si>
    <t>724113-99999-2005.gz</t>
  </si>
  <si>
    <t>BIGGUN</t>
  </si>
  <si>
    <t>WELLS OATES</t>
  </si>
  <si>
    <t>MUSTANG CREEK</t>
  </si>
  <si>
    <t>CHERRY CRK</t>
  </si>
  <si>
    <t>726835-24230-2002.gz</t>
  </si>
  <si>
    <t>LINDSEY HOWARD</t>
  </si>
  <si>
    <t>GRASS FIRE/ FENCE</t>
  </si>
  <si>
    <t>LINDEN - 10</t>
  </si>
  <si>
    <t xml:space="preserve">PETALUMA                 </t>
  </si>
  <si>
    <t>HWY 101  N/ PARIS VALLEY</t>
  </si>
  <si>
    <t>GRINDER FIRE</t>
  </si>
  <si>
    <t>FIRESTONE</t>
  </si>
  <si>
    <t>722080-13880-2000.gz</t>
  </si>
  <si>
    <t>VIKING WAY (11)</t>
  </si>
  <si>
    <t>WARD</t>
  </si>
  <si>
    <t>BREWER CEMETARY</t>
  </si>
  <si>
    <t>10555 FM 472</t>
  </si>
  <si>
    <t>HENDERSON - 073</t>
  </si>
  <si>
    <t>723106-13744-2013.gz</t>
  </si>
  <si>
    <t>994420-99999-2002.gz</t>
  </si>
  <si>
    <t>TONALEA</t>
  </si>
  <si>
    <t>723710-03162-2012.gz</t>
  </si>
  <si>
    <t>RUCKS DAIRY RD  (22)</t>
  </si>
  <si>
    <t>LEAF</t>
  </si>
  <si>
    <t>MS0    0808-4231228001</t>
  </si>
  <si>
    <t>724459-53931-2006.gz</t>
  </si>
  <si>
    <t>LIVINGSTON - 647</t>
  </si>
  <si>
    <t>722286-93806-2009.gz</t>
  </si>
  <si>
    <t>TGU SARON FRUIT</t>
  </si>
  <si>
    <t>ADDOR FIRE</t>
  </si>
  <si>
    <t>GATLIN BALER</t>
  </si>
  <si>
    <t>PARSONS LAKE ROAD FIRE</t>
  </si>
  <si>
    <t>725036-14757-1999.gz</t>
  </si>
  <si>
    <t>723100-13883-2013.gz</t>
  </si>
  <si>
    <t>FY2003-TURNER-005</t>
  </si>
  <si>
    <t>CECIL</t>
  </si>
  <si>
    <t>726830-94185-2003.gz</t>
  </si>
  <si>
    <t>994420-99999-2003.gz</t>
  </si>
  <si>
    <t>CIBLO CREEK FIRE</t>
  </si>
  <si>
    <t>722640-93035-1998.gz</t>
  </si>
  <si>
    <t>HALLOWEEN #2</t>
  </si>
  <si>
    <t>KNOWLES POND</t>
  </si>
  <si>
    <t>CHOWCHILLA</t>
  </si>
  <si>
    <t>FY2001-WILCOX-053</t>
  </si>
  <si>
    <t>EGLEY SOUTH</t>
  </si>
  <si>
    <t>BLUE SHELL</t>
  </si>
  <si>
    <t>OROZCO</t>
  </si>
  <si>
    <t xml:space="preserve">STUART                   </t>
  </si>
  <si>
    <t>MESA FARM RD</t>
  </si>
  <si>
    <t>722275-99999-1996.gz</t>
  </si>
  <si>
    <t>FY2012-NEWTON-006</t>
  </si>
  <si>
    <t>SINCLAIRE 93</t>
  </si>
  <si>
    <t>725035-04781-2010.gz</t>
  </si>
  <si>
    <t>MUELLER</t>
  </si>
  <si>
    <t>702220-99999-1999.gz</t>
  </si>
  <si>
    <t>110 HOG</t>
  </si>
  <si>
    <t xml:space="preserve">J04 3                    </t>
  </si>
  <si>
    <t>SALEM ROAD</t>
  </si>
  <si>
    <t>724066-93706-2014.gz</t>
  </si>
  <si>
    <t>RUSSO FIRE</t>
  </si>
  <si>
    <t>OLD HWY. 83</t>
  </si>
  <si>
    <t>MS0    1010-4180115003</t>
  </si>
  <si>
    <t>CURRY FIRE</t>
  </si>
  <si>
    <t>JUAN VILLARREAL LOOP</t>
  </si>
  <si>
    <t>COLE FIRE</t>
  </si>
  <si>
    <t>CORNER</t>
  </si>
  <si>
    <t>725864-94182-2009.gz</t>
  </si>
  <si>
    <t>MS0    0909-2800307012</t>
  </si>
  <si>
    <t>EUCLID</t>
  </si>
  <si>
    <t>722887-99999-1995.gz</t>
  </si>
  <si>
    <t>FERRELL ROAD FIRE</t>
  </si>
  <si>
    <t xml:space="preserve">MAD CREEK #2             </t>
  </si>
  <si>
    <t>725848-99999-1996.gz</t>
  </si>
  <si>
    <t>PUNCHEON</t>
  </si>
  <si>
    <t>723260-13891-1993.gz</t>
  </si>
  <si>
    <t>725145-54746-2013.gz</t>
  </si>
  <si>
    <t>SPRUCE PINE #1</t>
  </si>
  <si>
    <t>COMBY RIDGE RD</t>
  </si>
  <si>
    <t xml:space="preserve">SPI #5                   </t>
  </si>
  <si>
    <t>723565-99999-1995.gz</t>
  </si>
  <si>
    <t>10-364</t>
  </si>
  <si>
    <t>726185-14605-2005.gz</t>
  </si>
  <si>
    <t>WATSON GAP</t>
  </si>
  <si>
    <t>JUMP (54)</t>
  </si>
  <si>
    <t>FY2002-ATKINSON-039</t>
  </si>
  <si>
    <t>722238-63873-2007.gz</t>
  </si>
  <si>
    <t>FY2011-FANNIN-009</t>
  </si>
  <si>
    <t>BRIAN</t>
  </si>
  <si>
    <t>FM 35</t>
  </si>
  <si>
    <t>THE SEMINOLE FIRE</t>
  </si>
  <si>
    <t>MS0    1010-2400914003</t>
  </si>
  <si>
    <t>MESCAL 2</t>
  </si>
  <si>
    <t>BEAR HAMMOCK (42)</t>
  </si>
  <si>
    <t>720655-00235-2015.gz</t>
  </si>
  <si>
    <t>ASHURST</t>
  </si>
  <si>
    <t>MORRISON FIRE</t>
  </si>
  <si>
    <t>727497-04984-2009.gz</t>
  </si>
  <si>
    <t>RL031</t>
  </si>
  <si>
    <t>727555-99999-2004.gz</t>
  </si>
  <si>
    <t>FY2011-MONROE-014</t>
  </si>
  <si>
    <t>KIDS FIRE</t>
  </si>
  <si>
    <t>INC #9</t>
  </si>
  <si>
    <t>OG</t>
  </si>
  <si>
    <t>GF003</t>
  </si>
  <si>
    <t>BEAVER RD</t>
  </si>
  <si>
    <t>PETERSON FIRE</t>
  </si>
  <si>
    <t>727680-94008-2000.gz</t>
  </si>
  <si>
    <t>WEST GLADES (22)</t>
  </si>
  <si>
    <t>BEHIVE</t>
  </si>
  <si>
    <t>720633-00219-2010.gz</t>
  </si>
  <si>
    <t>LATASHA BELL</t>
  </si>
  <si>
    <t>727503-04909-2015.gz</t>
  </si>
  <si>
    <t>LINDEN - 165</t>
  </si>
  <si>
    <t>WOOKIE 2</t>
  </si>
  <si>
    <t>IDAHO RD</t>
  </si>
  <si>
    <t>LOST HORSE FIRE</t>
  </si>
  <si>
    <t>724100-13733-2005.gz</t>
  </si>
  <si>
    <t>RIZZO</t>
  </si>
  <si>
    <t>722576-03902-2014.gz</t>
  </si>
  <si>
    <t>BENNY 1</t>
  </si>
  <si>
    <t>725515-94947-2007.gz</t>
  </si>
  <si>
    <t>UNION CHAPEL &amp; HWY211</t>
  </si>
  <si>
    <t xml:space="preserve">VASCO                    </t>
  </si>
  <si>
    <t>724927-23285-2004.gz</t>
  </si>
  <si>
    <t>ROCKPEN</t>
  </si>
  <si>
    <t>FY2014-RANDOLPH-009</t>
  </si>
  <si>
    <t>MOHAWK BRANCH</t>
  </si>
  <si>
    <t xml:space="preserve">AVENUE 42   PDES 17      </t>
  </si>
  <si>
    <t>LLANO</t>
  </si>
  <si>
    <t>TUM</t>
  </si>
  <si>
    <t>GREEN POND</t>
  </si>
  <si>
    <t>722050-12815-2001.gz</t>
  </si>
  <si>
    <t>SHARP</t>
  </si>
  <si>
    <t>014-083</t>
  </si>
  <si>
    <t>720299-53966-2014.gz</t>
  </si>
  <si>
    <t>HURDLE MILLS</t>
  </si>
  <si>
    <t>ALBEE MEADOWS</t>
  </si>
  <si>
    <t>724107-53895-2014.gz</t>
  </si>
  <si>
    <t>OR13</t>
  </si>
  <si>
    <t>725570-14943-1996.gz</t>
  </si>
  <si>
    <t>YELLOW ROSE FIRE</t>
  </si>
  <si>
    <t>CR 404</t>
  </si>
  <si>
    <t xml:space="preserve">RIVERBEND                </t>
  </si>
  <si>
    <t>BROTHERSON</t>
  </si>
  <si>
    <t>724700-99999-2002.gz</t>
  </si>
  <si>
    <t>RATTLESNAKE(54)</t>
  </si>
  <si>
    <t>BRITT PLANTATION FIRE</t>
  </si>
  <si>
    <t>BASE LINE ST / DEL ROSA 6</t>
  </si>
  <si>
    <t>NIMMD</t>
  </si>
  <si>
    <t>724530-13969-2009.gz</t>
  </si>
  <si>
    <t>HUNGRY HIPPO</t>
  </si>
  <si>
    <t>727680-94008-2010.gz</t>
  </si>
  <si>
    <t>SHADY OAK FIRE</t>
  </si>
  <si>
    <t>GOOSE HOLLOW</t>
  </si>
  <si>
    <t>BEDONIE</t>
  </si>
  <si>
    <t xml:space="preserve">INTERSTATE               </t>
  </si>
  <si>
    <t>STOUT</t>
  </si>
  <si>
    <t>BUFFALO RANCH</t>
  </si>
  <si>
    <t>03/ PALMETTO TRACE-0542</t>
  </si>
  <si>
    <t>WIN11</t>
  </si>
  <si>
    <t>MS0    1010-1480418003</t>
  </si>
  <si>
    <t>FAT MAN RIDGE</t>
  </si>
  <si>
    <t>JIM STRAIN GRASS</t>
  </si>
  <si>
    <t>1,2,3 COMPLEX (K200)</t>
  </si>
  <si>
    <t>726881-94273-2013.gz</t>
  </si>
  <si>
    <t>723417-93988-2012.gz</t>
  </si>
  <si>
    <t>722269-99999-2002.gz</t>
  </si>
  <si>
    <t>BL PEACOCK</t>
  </si>
  <si>
    <t>HOLLY HILL ROAD FIRE</t>
  </si>
  <si>
    <t>"""CAMPFIRE"""</t>
  </si>
  <si>
    <t>724395-03958-2006.gz</t>
  </si>
  <si>
    <t>DEEPSLEEP</t>
  </si>
  <si>
    <t>724235-13810-2003.gz</t>
  </si>
  <si>
    <t>027 HORSE</t>
  </si>
  <si>
    <t>RIDGEVIEW DR.</t>
  </si>
  <si>
    <t>724275-14894-2009.gz</t>
  </si>
  <si>
    <t>TOWER ROAD</t>
  </si>
  <si>
    <t>726070-14606-2013.gz</t>
  </si>
  <si>
    <t>BEVERIDGE</t>
  </si>
  <si>
    <t xml:space="preserve">UVAS RD / WALLACE PL     </t>
  </si>
  <si>
    <t>2015-2447</t>
  </si>
  <si>
    <t>GARCIA FIRE</t>
  </si>
  <si>
    <t>CLOVER 2</t>
  </si>
  <si>
    <t>SHEEP CYN</t>
  </si>
  <si>
    <t>ANTLER ROAD</t>
  </si>
  <si>
    <t>727854-94119-2008.gz</t>
  </si>
  <si>
    <t>CARVER HOLLOW LANE</t>
  </si>
  <si>
    <t>WALNUT FORK</t>
  </si>
  <si>
    <t>ERNEST</t>
  </si>
  <si>
    <t>DOVE CREEK CATTLE CO.</t>
  </si>
  <si>
    <t>13-0004869 EARL RUDDER FIRE</t>
  </si>
  <si>
    <t>HOFFMAN 1</t>
  </si>
  <si>
    <t>RAILROAD ST.</t>
  </si>
  <si>
    <t>WATERING TROUGH #3</t>
  </si>
  <si>
    <t>722177-63811-2010.gz</t>
  </si>
  <si>
    <t xml:space="preserve">COCAP                    </t>
  </si>
  <si>
    <t>722444-99999-2001.gz</t>
  </si>
  <si>
    <t>TONI DR FIRE</t>
  </si>
  <si>
    <t>WEST SUGARLOAF FIRE</t>
  </si>
  <si>
    <t>DELTON</t>
  </si>
  <si>
    <t>722688-93034-1999.gz</t>
  </si>
  <si>
    <t>CYPRESS</t>
  </si>
  <si>
    <t>723657-99999-1997.gz</t>
  </si>
  <si>
    <t>MS0    0808-4371027005</t>
  </si>
  <si>
    <t>FEDERAL DAM</t>
  </si>
  <si>
    <t>720869-00295-2011.gz</t>
  </si>
  <si>
    <t>CASINO</t>
  </si>
  <si>
    <t>FY2000-JENKINS-035</t>
  </si>
  <si>
    <t>WESTMINISTER BLVD (08)</t>
  </si>
  <si>
    <t>LITTLE JOHN</t>
  </si>
  <si>
    <t>SIRUK CREE</t>
  </si>
  <si>
    <t>701730-99999-1999.gz</t>
  </si>
  <si>
    <t>ZIMMERMAN</t>
  </si>
  <si>
    <t>PANNELL FIRE</t>
  </si>
  <si>
    <t>A00019-53969-2015.gz</t>
  </si>
  <si>
    <t xml:space="preserve">HWY. 101 #5              </t>
  </si>
  <si>
    <t>BRADY MTN</t>
  </si>
  <si>
    <t>ELLISON RIDGE</t>
  </si>
  <si>
    <t>CUMBY FIRE</t>
  </si>
  <si>
    <t>MAY05-2012</t>
  </si>
  <si>
    <t>WYMAN GULCH</t>
  </si>
  <si>
    <t>MS0    0808-4300322006</t>
  </si>
  <si>
    <t>211 days 00:00:00.000000000</t>
  </si>
  <si>
    <t>GRASS/WOODS HWY 103 WEST</t>
  </si>
  <si>
    <t>HYMN</t>
  </si>
  <si>
    <t>ROCK CREEK #1</t>
  </si>
  <si>
    <t>726945-99999-1998.gz</t>
  </si>
  <si>
    <t>4100 SHADY LOOP #2</t>
  </si>
  <si>
    <t>TRANSFER</t>
  </si>
  <si>
    <t>720425-99999-2015.gz</t>
  </si>
  <si>
    <t>SCENIC</t>
  </si>
  <si>
    <t>SER-20130903-001</t>
  </si>
  <si>
    <t>722267-03878-2013.gz</t>
  </si>
  <si>
    <t>HWY 4  / CUMMINGS SKWY</t>
  </si>
  <si>
    <t>726468-99999-1995.gz</t>
  </si>
  <si>
    <t>722273-99999-2003.gz</t>
  </si>
  <si>
    <t>115 NORTH</t>
  </si>
  <si>
    <t>LINDEN - 58</t>
  </si>
  <si>
    <t>CASE ROAD</t>
  </si>
  <si>
    <t>727135-94623-2013.gz</t>
  </si>
  <si>
    <t>GREG'S ADDITION</t>
  </si>
  <si>
    <t>722144-04945-2006.gz</t>
  </si>
  <si>
    <t>4205 N 87</t>
  </si>
  <si>
    <t>727475-99999-1998.gz</t>
  </si>
  <si>
    <t>POOLSIDE IN NOVEMBER</t>
  </si>
  <si>
    <t>DIAPER FIRE</t>
  </si>
  <si>
    <t>NORTH BANK ROAD</t>
  </si>
  <si>
    <t>994240-99999-2002.gz</t>
  </si>
  <si>
    <t>GATO</t>
  </si>
  <si>
    <t>HWY. 75 AND 1359</t>
  </si>
  <si>
    <t>MUDSPRINGS</t>
  </si>
  <si>
    <t>723657-99999-2003.gz</t>
  </si>
  <si>
    <t>BULLROCK</t>
  </si>
  <si>
    <t>FY2012-HANCOCK-003</t>
  </si>
  <si>
    <t>FY2012-COOK-046</t>
  </si>
  <si>
    <t>YOUNG</t>
  </si>
  <si>
    <t>ELDEN</t>
  </si>
  <si>
    <t>FY2012-TROUP-016</t>
  </si>
  <si>
    <t>727825-99999-1994.gz</t>
  </si>
  <si>
    <t>BIG GULLY</t>
  </si>
  <si>
    <t>KEG CREEK</t>
  </si>
  <si>
    <t>722119-12883-2009.gz</t>
  </si>
  <si>
    <t>CRAWFORD REPEATER</t>
  </si>
  <si>
    <t>725775-04111-2013.gz</t>
  </si>
  <si>
    <t>NEW LEBANON CHURCH ROAD</t>
  </si>
  <si>
    <t>723170-13723-2014.gz</t>
  </si>
  <si>
    <t>ACAMPO</t>
  </si>
  <si>
    <t xml:space="preserve">BEND                     </t>
  </si>
  <si>
    <t>SANDWICH (35)</t>
  </si>
  <si>
    <t>CLIVUS DR / HWY 49</t>
  </si>
  <si>
    <t>ROBBINS</t>
  </si>
  <si>
    <t>MCGREGOR RANCH</t>
  </si>
  <si>
    <t>N.HIGHWAY 359 &amp; 211 FIRE</t>
  </si>
  <si>
    <t>722517-12932-2013.gz</t>
  </si>
  <si>
    <t>REDBOX</t>
  </si>
  <si>
    <t>FY2013-LOWNDES-029</t>
  </si>
  <si>
    <t>RL 029</t>
  </si>
  <si>
    <t>1183 GAS PLANT ROAD</t>
  </si>
  <si>
    <t>COW GULCH</t>
  </si>
  <si>
    <t>726776-24036-2002.gz</t>
  </si>
  <si>
    <t>WEST OLNEY</t>
  </si>
  <si>
    <t>FY2002-DECATUR-061</t>
  </si>
  <si>
    <t>BIRD1</t>
  </si>
  <si>
    <t>PRUITT LAKE</t>
  </si>
  <si>
    <t>FY2014-CANDLER-009</t>
  </si>
  <si>
    <t>MEADOW POINTE (51)</t>
  </si>
  <si>
    <t>CHICKEN GEORGE</t>
  </si>
  <si>
    <t>723409-53869-2007.gz</t>
  </si>
  <si>
    <t>CORONADO</t>
  </si>
  <si>
    <t>SIMS RD FIRE</t>
  </si>
  <si>
    <t>AWI UYOHUSV</t>
  </si>
  <si>
    <t xml:space="preserve">HOVEY                    </t>
  </si>
  <si>
    <t>FY2013-SUMTER-007</t>
  </si>
  <si>
    <t xml:space="preserve">FISH/CO8/TAC6            </t>
  </si>
  <si>
    <t>ASENAP</t>
  </si>
  <si>
    <t>722165-63808-2010.gz</t>
  </si>
  <si>
    <t>724106-13728-1993.gz</t>
  </si>
  <si>
    <t>TONEY'S BR.</t>
  </si>
  <si>
    <t>ROCK BRIDGE</t>
  </si>
  <si>
    <t>LESSON</t>
  </si>
  <si>
    <t>JUMPER</t>
  </si>
  <si>
    <t>LINDEN - 6012</t>
  </si>
  <si>
    <t>GOOSE CREEK LOOP FIRE</t>
  </si>
  <si>
    <t xml:space="preserve">CROW                     </t>
  </si>
  <si>
    <t>CRUNCH</t>
  </si>
  <si>
    <t>S LAC JAC AV /E MANNING A</t>
  </si>
  <si>
    <t>722688-99999-2003.gz</t>
  </si>
  <si>
    <t>KUHLE FIELD</t>
  </si>
  <si>
    <t>725235-04720-2012.gz</t>
  </si>
  <si>
    <t>NTAZWYD</t>
  </si>
  <si>
    <t>SIOUX</t>
  </si>
  <si>
    <t>723116-03742-2012.gz</t>
  </si>
  <si>
    <t>STEWARTSTOWN ROAD</t>
  </si>
  <si>
    <t>RL333</t>
  </si>
  <si>
    <t>BUCKHILL (35)</t>
  </si>
  <si>
    <t>720285-03734-2008.gz</t>
  </si>
  <si>
    <t>TODD RAUL</t>
  </si>
  <si>
    <t>FY2001-LAURENS-075</t>
  </si>
  <si>
    <t>722404-13941-2009.gz</t>
  </si>
  <si>
    <t>POSADA</t>
  </si>
  <si>
    <t>724118-93797-2015.gz</t>
  </si>
  <si>
    <t>DEERHORN2</t>
  </si>
  <si>
    <t>349  SOUTH SERVICE ROAD</t>
  </si>
  <si>
    <t>INA</t>
  </si>
  <si>
    <t>FY2015-HALL-001</t>
  </si>
  <si>
    <t>725827-99999-1994.gz</t>
  </si>
  <si>
    <t>GEARHEART ROAD</t>
  </si>
  <si>
    <t>CHAPMAN</t>
  </si>
  <si>
    <t>723545-03965-2007.gz</t>
  </si>
  <si>
    <t>CRYSTAL SPRINGS</t>
  </si>
  <si>
    <t>12684 CANDLERIDGE</t>
  </si>
  <si>
    <t>7TH STNDRD</t>
  </si>
  <si>
    <t>723840-23155-1994.gz</t>
  </si>
  <si>
    <t>HWY 6</t>
  </si>
  <si>
    <t>KRISTI</t>
  </si>
  <si>
    <t xml:space="preserve">WATTS                    </t>
  </si>
  <si>
    <t>FALCONWOOD ROAD</t>
  </si>
  <si>
    <t>ROCK SPRIN</t>
  </si>
  <si>
    <t>BRINKHOFF #12-55</t>
  </si>
  <si>
    <t>SCUDDY MOUNTAIN</t>
  </si>
  <si>
    <t>MENDOCINO REDWOODS 3</t>
  </si>
  <si>
    <t>GREEN'S ROAD FIRE</t>
  </si>
  <si>
    <t xml:space="preserve">E DINUBA AV /S FOWLER AV </t>
  </si>
  <si>
    <t>CRIPPS BEND</t>
  </si>
  <si>
    <t>724336-99999-2000.gz</t>
  </si>
  <si>
    <t>WEATHDACHKOAH</t>
  </si>
  <si>
    <t>LIVINGSTON - 605</t>
  </si>
  <si>
    <t>FY2013-APPLING-040</t>
  </si>
  <si>
    <t>MS0    0808-4180321002</t>
  </si>
  <si>
    <t>SWR-20150208-002</t>
  </si>
  <si>
    <t>FOXHOLM#1</t>
  </si>
  <si>
    <t>DYESS RANCH</t>
  </si>
  <si>
    <t>MS0    1010-2040319009</t>
  </si>
  <si>
    <t xml:space="preserve">ROCKY IC                 </t>
  </si>
  <si>
    <t>BAILEYVILLE</t>
  </si>
  <si>
    <t>HOT KNOB FIRE</t>
  </si>
  <si>
    <t>724765-99999-2002.gz</t>
  </si>
  <si>
    <t>HENDERSON - 115</t>
  </si>
  <si>
    <t xml:space="preserve">OLD RIVER RD  BONSALL 3  </t>
  </si>
  <si>
    <t>727500-99999-2000.gz</t>
  </si>
  <si>
    <t>FY2011-BEN HILL-041</t>
  </si>
  <si>
    <t>RANCHO CALIFORNIA RD / MO</t>
  </si>
  <si>
    <t>JANUARY</t>
  </si>
  <si>
    <t>723745-00374-2012.gz</t>
  </si>
  <si>
    <t>GROUSE CREEK</t>
  </si>
  <si>
    <t>CROWDAM RD</t>
  </si>
  <si>
    <t>GRUCHALSKI</t>
  </si>
  <si>
    <t>725326-04894-2008.gz</t>
  </si>
  <si>
    <t>I84MP87</t>
  </si>
  <si>
    <t>726815-24106-1998.gz</t>
  </si>
  <si>
    <t>DOMINGUEZ</t>
  </si>
  <si>
    <t>ECR-20120413-001</t>
  </si>
  <si>
    <t>723677-23054-1993.gz</t>
  </si>
  <si>
    <t>720397-00131-2012.gz</t>
  </si>
  <si>
    <t>FAKAHATCHE</t>
  </si>
  <si>
    <t>724017-99999-2001.gz</t>
  </si>
  <si>
    <t>WEST CORNE</t>
  </si>
  <si>
    <t>REYOS</t>
  </si>
  <si>
    <t>727478-99999-1998.gz</t>
  </si>
  <si>
    <t>WINNER 1</t>
  </si>
  <si>
    <t>HACKER</t>
  </si>
  <si>
    <t>FY2002-JEFF DAVIS-017</t>
  </si>
  <si>
    <t>THERMAL</t>
  </si>
  <si>
    <t>OLD CAMPER</t>
  </si>
  <si>
    <t>691484-99999-1995.gz</t>
  </si>
  <si>
    <t>MS0    1010-3331007012</t>
  </si>
  <si>
    <t>HALFTIME</t>
  </si>
  <si>
    <t>BIGGS RD FIRE</t>
  </si>
  <si>
    <t xml:space="preserve">EDEN CANYON              </t>
  </si>
  <si>
    <t>FY2011-DODGE-159</t>
  </si>
  <si>
    <t>DESERT CREEK 2</t>
  </si>
  <si>
    <t>THRUSH</t>
  </si>
  <si>
    <t>GRAND</t>
  </si>
  <si>
    <t>ECR-20130427-004</t>
  </si>
  <si>
    <t xml:space="preserve">STATE PARKS              </t>
  </si>
  <si>
    <t>SOUTH BOUNDARY</t>
  </si>
  <si>
    <t>994410-99999-2001.gz</t>
  </si>
  <si>
    <t>SKY 03</t>
  </si>
  <si>
    <t>725463-14966-2015.gz</t>
  </si>
  <si>
    <t>FERRIS CROSSING</t>
  </si>
  <si>
    <t>GREER RD.</t>
  </si>
  <si>
    <t>CORD FIRE</t>
  </si>
  <si>
    <t>PINTO SPRINGS</t>
  </si>
  <si>
    <t>FY2013-TROUP-011</t>
  </si>
  <si>
    <t>ALLENSWORTH</t>
  </si>
  <si>
    <t>SHOEMAKER5</t>
  </si>
  <si>
    <t>725945-24283-2002.gz</t>
  </si>
  <si>
    <t>JAMES ROAD FIRE</t>
  </si>
  <si>
    <t>723069-99999-1999.gz</t>
  </si>
  <si>
    <t>HOT PINE FIRE</t>
  </si>
  <si>
    <t>723068-99999-2002.gz</t>
  </si>
  <si>
    <t>CR 147 &amp; CR 134 FIRE</t>
  </si>
  <si>
    <t>TUG FORK</t>
  </si>
  <si>
    <t>374 NE 35</t>
  </si>
  <si>
    <t>POWER DROP</t>
  </si>
  <si>
    <t>723894-99999-1998.gz</t>
  </si>
  <si>
    <t>CHEF-7-94</t>
  </si>
  <si>
    <t>CRO3161712</t>
  </si>
  <si>
    <t>TAYLOR MOUNTAIN ROAD</t>
  </si>
  <si>
    <t>FY2012-FORSYTH-001</t>
  </si>
  <si>
    <t>HUNGRY COW</t>
  </si>
  <si>
    <t>5980 SMITH RD</t>
  </si>
  <si>
    <t>PEAKS 2</t>
  </si>
  <si>
    <t>NEITZEL WF</t>
  </si>
  <si>
    <t>726509-04898-2012.gz</t>
  </si>
  <si>
    <t>CAMPER FIRE</t>
  </si>
  <si>
    <t>HAWKINS RD. FIRE</t>
  </si>
  <si>
    <t xml:space="preserve">HWY 121  / RAMAL RD      </t>
  </si>
  <si>
    <t>RADAR</t>
  </si>
  <si>
    <t>FRUITDALE RD</t>
  </si>
  <si>
    <t>720272-94282-2009.gz</t>
  </si>
  <si>
    <t>HWY 99  E/ ROWLES RD</t>
  </si>
  <si>
    <t>LINDEN - 6053</t>
  </si>
  <si>
    <t>599 GLACIER CREEK</t>
  </si>
  <si>
    <t>702595-99999-2004.gz</t>
  </si>
  <si>
    <t>WILLIAMS HILL BREAKOVER</t>
  </si>
  <si>
    <t>STICKNEY</t>
  </si>
  <si>
    <t>725130-14777-2010.gz</t>
  </si>
  <si>
    <t>SUNNYSPNGS</t>
  </si>
  <si>
    <t>M/A 591</t>
  </si>
  <si>
    <t>722014-99999-2004.gz</t>
  </si>
  <si>
    <t>CARDINAL</t>
  </si>
  <si>
    <t>722018-99999-2000.gz</t>
  </si>
  <si>
    <t>14-SW BOGGESS FIRE-0441</t>
  </si>
  <si>
    <t>SWR-20130327-007</t>
  </si>
  <si>
    <t>17 MILE</t>
  </si>
  <si>
    <t>725416-14864-2010.gz</t>
  </si>
  <si>
    <t>FOX PARK</t>
  </si>
  <si>
    <t>OLDSCHOOL</t>
  </si>
  <si>
    <t>DEVIL'S CANYON</t>
  </si>
  <si>
    <t>727755-24112-2005.gz</t>
  </si>
  <si>
    <t>CLUSTER</t>
  </si>
  <si>
    <t>723555-99999-1993.gz</t>
  </si>
  <si>
    <t>EASY</t>
  </si>
  <si>
    <t>JOSPHINE</t>
  </si>
  <si>
    <t>GORGE FIRE</t>
  </si>
  <si>
    <t>PAPPAS</t>
  </si>
  <si>
    <t>ALLIGATOR CREEK (24-4)</t>
  </si>
  <si>
    <t>MUD BAYOU</t>
  </si>
  <si>
    <t>994510-99999-2002.gz</t>
  </si>
  <si>
    <t>BUZZ TAIL</t>
  </si>
  <si>
    <t>MS0    0909-1710319005</t>
  </si>
  <si>
    <t>JOHNNY CAKE HOLLOW</t>
  </si>
  <si>
    <t>STUMP HOLE (612)</t>
  </si>
  <si>
    <t>GOLO ROADSIDE</t>
  </si>
  <si>
    <t>HOMER</t>
  </si>
  <si>
    <t>991 SOUTH</t>
  </si>
  <si>
    <t>THUNDERHAW</t>
  </si>
  <si>
    <t>POLE HILL</t>
  </si>
  <si>
    <t>724769-99999-1994.gz</t>
  </si>
  <si>
    <t>FY2012-DADE-001</t>
  </si>
  <si>
    <t>OKAGA EAST</t>
  </si>
  <si>
    <t>DEGILA</t>
  </si>
  <si>
    <t>FY2000-WORTH-078</t>
  </si>
  <si>
    <t>OGEMAW16</t>
  </si>
  <si>
    <t>727033-14609-2001.gz</t>
  </si>
  <si>
    <t>GIFFORD RO</t>
  </si>
  <si>
    <t>744104-99999-2002.gz</t>
  </si>
  <si>
    <t>LAST FIRE</t>
  </si>
  <si>
    <t>LOST FLAME</t>
  </si>
  <si>
    <t>994420-99999-1995.gz</t>
  </si>
  <si>
    <t>723441-54921-2007.gz</t>
  </si>
  <si>
    <t>SAVAGE CREEK</t>
  </si>
  <si>
    <t>FY2002-BACON-016</t>
  </si>
  <si>
    <t>723762-93244-2011.gz</t>
  </si>
  <si>
    <t>NWR-20140827-006</t>
  </si>
  <si>
    <t>722300-53864-2014.gz</t>
  </si>
  <si>
    <t>SAN DIEGO</t>
  </si>
  <si>
    <t>JOHN HUNTER HWY</t>
  </si>
  <si>
    <t>MARKER 210 I-90</t>
  </si>
  <si>
    <t>726560-99999-2002.gz</t>
  </si>
  <si>
    <t>723495-13987-1992.gz</t>
  </si>
  <si>
    <t>WAS15575330</t>
  </si>
  <si>
    <t>723445-93993-2014.gz</t>
  </si>
  <si>
    <t>691484-99999-1992.gz</t>
  </si>
  <si>
    <t xml:space="preserve">ALISO                    </t>
  </si>
  <si>
    <t>722927-99999-1994.gz</t>
  </si>
  <si>
    <t>LOGERING N</t>
  </si>
  <si>
    <t>PUNTA DE AGUA CREEK</t>
  </si>
  <si>
    <t>HENNEBERRY CABIN</t>
  </si>
  <si>
    <t>727700-24138-2014.gz</t>
  </si>
  <si>
    <t>OJITOS</t>
  </si>
  <si>
    <t>BILLY MAX</t>
  </si>
  <si>
    <t xml:space="preserve">DEER SPRINGS             </t>
  </si>
  <si>
    <t>GROUP</t>
  </si>
  <si>
    <t>PADLOCK</t>
  </si>
  <si>
    <t>726654-94054-2013.gz</t>
  </si>
  <si>
    <t>723098-93798-2010.gz</t>
  </si>
  <si>
    <t>WATAUGA</t>
  </si>
  <si>
    <t xml:space="preserve">MERCY                    </t>
  </si>
  <si>
    <t>CHRISTINE LANE FIRE</t>
  </si>
  <si>
    <t>723143-99999-2003.gz</t>
  </si>
  <si>
    <t xml:space="preserve">ELM                      </t>
  </si>
  <si>
    <t>745056-99999-2002.gz</t>
  </si>
  <si>
    <t>POSSUM HOSE RACK</t>
  </si>
  <si>
    <t>FY2012-CHEROKEE-011</t>
  </si>
  <si>
    <t>722526-12947-2006.gz</t>
  </si>
  <si>
    <t>726578-99999-1998.gz</t>
  </si>
  <si>
    <t>STATE68</t>
  </si>
  <si>
    <t>SAMMY</t>
  </si>
  <si>
    <t>749173-99999-2015.gz</t>
  </si>
  <si>
    <t>HOLY SWAMP CHURCH RD.</t>
  </si>
  <si>
    <t>FY2001-HENRY-024</t>
  </si>
  <si>
    <t>723783-99999-2003.gz</t>
  </si>
  <si>
    <t>FY2013-BUTTS-002</t>
  </si>
  <si>
    <t>BARB WIRE</t>
  </si>
  <si>
    <t>EMERINE 3</t>
  </si>
  <si>
    <t>723260-13891-1995.gz</t>
  </si>
  <si>
    <t>726560-94966-2008.gz</t>
  </si>
  <si>
    <t xml:space="preserve">MARY                     </t>
  </si>
  <si>
    <t>CYANCO</t>
  </si>
  <si>
    <t>AUGARE FIRE</t>
  </si>
  <si>
    <t xml:space="preserve">HONEYMOON                </t>
  </si>
  <si>
    <t>OVER TRACK</t>
  </si>
  <si>
    <t>I 10  W/N INDIAN CANYON D</t>
  </si>
  <si>
    <t>725283-99999-1995.gz</t>
  </si>
  <si>
    <t>GROSSMAN WF</t>
  </si>
  <si>
    <t>OWASSA AND 24TH ST.</t>
  </si>
  <si>
    <t>994380-99999-1993.gz</t>
  </si>
  <si>
    <t>OUT OF CONTROL BURN</t>
  </si>
  <si>
    <t>720287-53967-2009.gz</t>
  </si>
  <si>
    <t>WHEEL RIM</t>
  </si>
  <si>
    <t>MONTHEY ROAD #1</t>
  </si>
  <si>
    <t>BARKER CEMETARY</t>
  </si>
  <si>
    <t xml:space="preserve">MENDOTA CITY #25         </t>
  </si>
  <si>
    <t>724800-23157-1996.gz</t>
  </si>
  <si>
    <t>13-0001236 BALL STREET FIRE</t>
  </si>
  <si>
    <t>13-0068</t>
  </si>
  <si>
    <t xml:space="preserve">PG&amp;E #3                  </t>
  </si>
  <si>
    <t xml:space="preserve">MURPHY                   </t>
  </si>
  <si>
    <t>725128-54739-2009.gz</t>
  </si>
  <si>
    <t>SIGHBOARD</t>
  </si>
  <si>
    <t>725556-94975-2013.gz</t>
  </si>
  <si>
    <t>COE CORNER</t>
  </si>
  <si>
    <t>LIVINGSTON - 253</t>
  </si>
  <si>
    <t>MCDOWELL</t>
  </si>
  <si>
    <t>GRASS FIRE ON HWY</t>
  </si>
  <si>
    <t>FOURTY 4</t>
  </si>
  <si>
    <t>HIGH SPIRIT</t>
  </si>
  <si>
    <t>NOR-20150215-001</t>
  </si>
  <si>
    <t>FY2013-WARE-015</t>
  </si>
  <si>
    <t>COWAN</t>
  </si>
  <si>
    <t>N 87 PUCKIT GATE</t>
  </si>
  <si>
    <t>FY2012-BRYAN SOUTH-003</t>
  </si>
  <si>
    <t>747804-13824-2012.gz</t>
  </si>
  <si>
    <t>DAIRY ROAD &amp; LOWAKE ROAD</t>
  </si>
  <si>
    <t>720771-00276-2010.gz</t>
  </si>
  <si>
    <t>FY2000-SUMTER-037</t>
  </si>
  <si>
    <t>MS0    0808-1130318004</t>
  </si>
  <si>
    <t>UNLIKLEY</t>
  </si>
  <si>
    <t>BLACK TOWER</t>
  </si>
  <si>
    <t>RL375</t>
  </si>
  <si>
    <t>WILLEYS NK</t>
  </si>
  <si>
    <t>MARBLEHEAD</t>
  </si>
  <si>
    <t>722710-93045-2001.gz</t>
  </si>
  <si>
    <t>727925-94227-2003.gz</t>
  </si>
  <si>
    <t>EAST INDIANTOWN (43)</t>
  </si>
  <si>
    <t>MORAN</t>
  </si>
  <si>
    <t>VALLEY VISTA 8/10/2015</t>
  </si>
  <si>
    <t>FY2015-GILMER-003</t>
  </si>
  <si>
    <t>GRAND TRAVERSE 03</t>
  </si>
  <si>
    <t>010 MAV</t>
  </si>
  <si>
    <t>MS0    0909-4240208013</t>
  </si>
  <si>
    <t>RED LAKE 362</t>
  </si>
  <si>
    <t>REEF</t>
  </si>
  <si>
    <t>TRACT10C</t>
  </si>
  <si>
    <t>COUNTY ROAD 314 FIRE</t>
  </si>
  <si>
    <t>337 - HOLODANA CREEK</t>
  </si>
  <si>
    <t>TURKEY ROOST</t>
  </si>
  <si>
    <t>CALICO</t>
  </si>
  <si>
    <t>MARK MEEK</t>
  </si>
  <si>
    <t>BORDER 8</t>
  </si>
  <si>
    <t>747186-99999-2002.gz</t>
  </si>
  <si>
    <t>N OF SPIKE REESE FARM</t>
  </si>
  <si>
    <t>725786-24151-1992.gz</t>
  </si>
  <si>
    <t xml:space="preserve">CAIDO                    </t>
  </si>
  <si>
    <t>BLACK ROCK</t>
  </si>
  <si>
    <t>N JEFFERSON ST  CLOVER 55</t>
  </si>
  <si>
    <t>IDITAROD RIVER 2</t>
  </si>
  <si>
    <t>703051-26521-2015.gz</t>
  </si>
  <si>
    <t>UPCHURCH ROAD</t>
  </si>
  <si>
    <t>723035-99999-2004.gz</t>
  </si>
  <si>
    <t>ELK HORN</t>
  </si>
  <si>
    <t xml:space="preserve">ALTA                     </t>
  </si>
  <si>
    <t>723896-93144-2010.gz</t>
  </si>
  <si>
    <t>BUCKBOARD</t>
  </si>
  <si>
    <t>CEDAR POST</t>
  </si>
  <si>
    <t>37 MILE</t>
  </si>
  <si>
    <t>BUNT</t>
  </si>
  <si>
    <t>USTA BE A TREE</t>
  </si>
  <si>
    <t>FASTWALKER</t>
  </si>
  <si>
    <t>2011-51</t>
  </si>
  <si>
    <t>722869-03171-2015.gz</t>
  </si>
  <si>
    <t>724053-03717-2012.gz</t>
  </si>
  <si>
    <t>MADDOX 408</t>
  </si>
  <si>
    <t>YST2006-014</t>
  </si>
  <si>
    <t>725205-14762-2005.gz</t>
  </si>
  <si>
    <t>1190 WHITE OAK ROAD</t>
  </si>
  <si>
    <t>HOOD CREEK HUNTING CLUB</t>
  </si>
  <si>
    <t>722029-12888-2009.gz</t>
  </si>
  <si>
    <t>SORRY DOUG</t>
  </si>
  <si>
    <t>RED LAKE 064</t>
  </si>
  <si>
    <t>MS0    0909-3380814001</t>
  </si>
  <si>
    <t>SOUTH COUTURE 1</t>
  </si>
  <si>
    <t>2011-58</t>
  </si>
  <si>
    <t>724014-93714-2013.gz</t>
  </si>
  <si>
    <t>PLACEDO</t>
  </si>
  <si>
    <t>TWO STRIKE</t>
  </si>
  <si>
    <t>RT. 83</t>
  </si>
  <si>
    <t>SIGN #2</t>
  </si>
  <si>
    <t>722720-93063-2002.gz</t>
  </si>
  <si>
    <t>SNAKE RIVER</t>
  </si>
  <si>
    <t>MUD LAKE</t>
  </si>
  <si>
    <t>INSPIRATIO</t>
  </si>
  <si>
    <t>RE-BURN</t>
  </si>
  <si>
    <t>FY2011-THOMAS-106</t>
  </si>
  <si>
    <t>3167&amp;H1</t>
  </si>
  <si>
    <t>FY2013-JEFF DAVIS-005</t>
  </si>
  <si>
    <t>SPOTS</t>
  </si>
  <si>
    <t>NWR-20151018-007</t>
  </si>
  <si>
    <t>FY2001-CLINCH-001</t>
  </si>
  <si>
    <t>EAST HWY 254</t>
  </si>
  <si>
    <t>CRIX RIDGE</t>
  </si>
  <si>
    <t>TWIN LAKES CREEK</t>
  </si>
  <si>
    <t>723556-93953-2007.gz</t>
  </si>
  <si>
    <t>LEFT</t>
  </si>
  <si>
    <t>723544-99999-1996.gz</t>
  </si>
  <si>
    <t>TH1713</t>
  </si>
  <si>
    <t>8101 MINERAL WELLS HWY</t>
  </si>
  <si>
    <t>CLOVER LEAF FIRE</t>
  </si>
  <si>
    <t>FY2001-TIFT-028</t>
  </si>
  <si>
    <t>WOMBLE (28)</t>
  </si>
  <si>
    <t>STAR GULCH</t>
  </si>
  <si>
    <t>MAGNIFYING GLASS FIRE</t>
  </si>
  <si>
    <t>FY2014-DADE-040</t>
  </si>
  <si>
    <t>FY2011-BEN HILL-076</t>
  </si>
  <si>
    <t>BUCKTHORN RANCH / 4317 HWY 39</t>
  </si>
  <si>
    <t>722537-12961-2010.gz</t>
  </si>
  <si>
    <t>CUB AND WARREN</t>
  </si>
  <si>
    <t>CUT KNEE</t>
  </si>
  <si>
    <t>AVE 6  / EASTSIDE DR</t>
  </si>
  <si>
    <t>724815-23257-2014.gz</t>
  </si>
  <si>
    <t>ROUGH DRAW</t>
  </si>
  <si>
    <t>MOTOR CYCLE</t>
  </si>
  <si>
    <t>727755-24112-1997.gz</t>
  </si>
  <si>
    <t xml:space="preserve">RUBIDOUX                 </t>
  </si>
  <si>
    <t>FY2015-BLECKLEY-028</t>
  </si>
  <si>
    <t>ED BROWN RD.</t>
  </si>
  <si>
    <t>724237-53803-2014.gz</t>
  </si>
  <si>
    <t>724240-13807-2006.gz</t>
  </si>
  <si>
    <t>CAMP 3</t>
  </si>
  <si>
    <t>WHEELER ST.</t>
  </si>
  <si>
    <t>JESSICA</t>
  </si>
  <si>
    <t>ELWOOD MARTIN FIRE</t>
  </si>
  <si>
    <t>BEN CR</t>
  </si>
  <si>
    <t>BADBOY1</t>
  </si>
  <si>
    <t>013-177</t>
  </si>
  <si>
    <t>720299-53966-2013.gz</t>
  </si>
  <si>
    <t>MS0    1010-2500914001</t>
  </si>
  <si>
    <t>MEGA-WIDE</t>
  </si>
  <si>
    <t>MCCORMICK</t>
  </si>
  <si>
    <t>MAIN MARROWBONE CREEK</t>
  </si>
  <si>
    <t>FY2001-BRANTLEY-091</t>
  </si>
  <si>
    <t>724070-93730-2007.gz</t>
  </si>
  <si>
    <t>2867 SUMMERVILLE RD , AL</t>
  </si>
  <si>
    <t>RED LAKE 019</t>
  </si>
  <si>
    <t>UNNAMED FIRE 0899</t>
  </si>
  <si>
    <t>723820-23182-2006.gz</t>
  </si>
  <si>
    <t>BIG RIVER BEACH MENDO</t>
  </si>
  <si>
    <t>FY2002-COOK-064</t>
  </si>
  <si>
    <t>JOHN CAMPBELL RD (18)</t>
  </si>
  <si>
    <t>HGY227-95</t>
  </si>
  <si>
    <t>CRESTLEY H</t>
  </si>
  <si>
    <t>NORTH SHORE</t>
  </si>
  <si>
    <t>FM 1534</t>
  </si>
  <si>
    <t>FOLEY CAMP</t>
  </si>
  <si>
    <t>DEVILS</t>
  </si>
  <si>
    <t>723745-00374-2011.gz</t>
  </si>
  <si>
    <t>724699-03065-2013.gz</t>
  </si>
  <si>
    <t>FROZE TO DEATH</t>
  </si>
  <si>
    <t>727684-94051-2015.gz</t>
  </si>
  <si>
    <t>MARBLEWASH</t>
  </si>
  <si>
    <t>SOUTH POT</t>
  </si>
  <si>
    <t>FLOYD COURT</t>
  </si>
  <si>
    <t>FY2014-DOOLY-002</t>
  </si>
  <si>
    <t>DAVIDSON ROAD NORTH</t>
  </si>
  <si>
    <t>725157-54757-2007.gz</t>
  </si>
  <si>
    <t>BASE FIRE</t>
  </si>
  <si>
    <t>YOUR CREEK</t>
  </si>
  <si>
    <t>BURNS</t>
  </si>
  <si>
    <t>WYLIE LN</t>
  </si>
  <si>
    <t xml:space="preserve">P.G CEMETERY </t>
  </si>
  <si>
    <t>723409-53869-2014.gz</t>
  </si>
  <si>
    <t>723117-53871-2007.gz</t>
  </si>
  <si>
    <t>LOOKOUT MOUNTAIN</t>
  </si>
  <si>
    <t>13852 FM 747 S</t>
  </si>
  <si>
    <t>IDC</t>
  </si>
  <si>
    <t>746380-99999-2012.gz</t>
  </si>
  <si>
    <t>FY2015-BERRIEN-027</t>
  </si>
  <si>
    <t>QUARTZ</t>
  </si>
  <si>
    <t xml:space="preserve">CHIMNEY                  </t>
  </si>
  <si>
    <t xml:space="preserve">PACHECO                  </t>
  </si>
  <si>
    <t>749179-00392-2010.gz</t>
  </si>
  <si>
    <t>COYOTE 3-7</t>
  </si>
  <si>
    <t>COPPERHEAD RD1 (38)</t>
  </si>
  <si>
    <t>FLOUNDER</t>
  </si>
  <si>
    <t>R148</t>
  </si>
  <si>
    <t xml:space="preserve">FKU #5474                </t>
  </si>
  <si>
    <t>722073-99999-2005.gz</t>
  </si>
  <si>
    <t>RENEE DRIVE FIRE</t>
  </si>
  <si>
    <t>PLEASANT VALLEY RD.</t>
  </si>
  <si>
    <t>THISTLE ROAD</t>
  </si>
  <si>
    <t>SHILOH</t>
  </si>
  <si>
    <t>FM 69</t>
  </si>
  <si>
    <t>ROSS FORK2</t>
  </si>
  <si>
    <t>NORTH COTTONWOOD</t>
  </si>
  <si>
    <t>722404-99999-2001.gz</t>
  </si>
  <si>
    <t>LOG JAM</t>
  </si>
  <si>
    <t>7819 ARABIAN COVE</t>
  </si>
  <si>
    <t>CHEROKEE 1</t>
  </si>
  <si>
    <t>FY2015-TELFAIR-027</t>
  </si>
  <si>
    <t>WATERS</t>
  </si>
  <si>
    <t>727680-94008-2012.gz</t>
  </si>
  <si>
    <t xml:space="preserve">GOOSE LIGHTNING 3        </t>
  </si>
  <si>
    <t>HENDERSON - 196</t>
  </si>
  <si>
    <t>FEEDER CREEK</t>
  </si>
  <si>
    <t>GREENES</t>
  </si>
  <si>
    <t>AW FIRE</t>
  </si>
  <si>
    <t xml:space="preserve">BUSHNELL                 </t>
  </si>
  <si>
    <t>COLLINS FORK #2</t>
  </si>
  <si>
    <t>BONNIE TREE</t>
  </si>
  <si>
    <t>FY2014-GWINNETT-003</t>
  </si>
  <si>
    <t>747808-63803-2014.gz</t>
  </si>
  <si>
    <t>BLUETT</t>
  </si>
  <si>
    <t>727833-04114-2002.gz</t>
  </si>
  <si>
    <t>LINDEN - 11</t>
  </si>
  <si>
    <t>SMITH EAST</t>
  </si>
  <si>
    <t>12-0636</t>
  </si>
  <si>
    <t xml:space="preserve">CRITTER                  </t>
  </si>
  <si>
    <t>724836-23208-1997.gz</t>
  </si>
  <si>
    <t>SHANNON</t>
  </si>
  <si>
    <t>723565-99999-2000.gz</t>
  </si>
  <si>
    <t>723658-23090-2012.gz</t>
  </si>
  <si>
    <t>I 5  / HUDSON OC</t>
  </si>
  <si>
    <t>LAWNMOWER FIRE</t>
  </si>
  <si>
    <t>LINDEN - 66</t>
  </si>
  <si>
    <t>KIMAMA2</t>
  </si>
  <si>
    <t>SNOWSLIDE</t>
  </si>
  <si>
    <t>VIRGINIA SAM</t>
  </si>
  <si>
    <t>SHUNKWILER</t>
  </si>
  <si>
    <t>SWR-20130203-013</t>
  </si>
  <si>
    <t>FY2012-BULLOCH-042</t>
  </si>
  <si>
    <t>GALENA VOR</t>
  </si>
  <si>
    <t>JEF2937349</t>
  </si>
  <si>
    <t>CALIFORNIA</t>
  </si>
  <si>
    <t>726409-04897-2010.gz</t>
  </si>
  <si>
    <t>MS0    1010-3311112001</t>
  </si>
  <si>
    <t>FY2000-CRAWFORD-043</t>
  </si>
  <si>
    <t xml:space="preserve">STATE VEG FIRE           </t>
  </si>
  <si>
    <t>FY2001-BACON-029</t>
  </si>
  <si>
    <t>722429-99999-1997.gz</t>
  </si>
  <si>
    <t>TICKLE BRITCHES BRANCH</t>
  </si>
  <si>
    <t>722539-12979-2008.gz</t>
  </si>
  <si>
    <t>724084-04739-1993.gz</t>
  </si>
  <si>
    <t xml:space="preserve">LFC WINDFARM #3          </t>
  </si>
  <si>
    <t>724927-99999-1993.gz</t>
  </si>
  <si>
    <t>GULF WIND FARM FIRES</t>
  </si>
  <si>
    <t>LAMBSON ASSIST</t>
  </si>
  <si>
    <t xml:space="preserve">CALF                     </t>
  </si>
  <si>
    <t>722897-99999-1994.gz</t>
  </si>
  <si>
    <t>DARK #2</t>
  </si>
  <si>
    <t>724800-23157-2003.gz</t>
  </si>
  <si>
    <t>383 FIRE</t>
  </si>
  <si>
    <t>EDDY GRADE</t>
  </si>
  <si>
    <t>ITALY RD</t>
  </si>
  <si>
    <t>ALAMOCITO</t>
  </si>
  <si>
    <t>MEDANO</t>
  </si>
  <si>
    <t>178 days 00:00:00.000000000</t>
  </si>
  <si>
    <t xml:space="preserve">WILSON (4-6)             </t>
  </si>
  <si>
    <t>GROGAN ROAD FIRE</t>
  </si>
  <si>
    <t xml:space="preserve">GALLAGHER                </t>
  </si>
  <si>
    <t>724836-23208-1998.gz</t>
  </si>
  <si>
    <t>092 LEMOINE</t>
  </si>
  <si>
    <t>FY2000-BROOKS-193</t>
  </si>
  <si>
    <t>724116-13868-2015.gz</t>
  </si>
  <si>
    <t>MCDANIEL</t>
  </si>
  <si>
    <t>727458-99999-2001.gz</t>
  </si>
  <si>
    <t>57 - SURVEYOR FIRE</t>
  </si>
  <si>
    <t>FY2013-WASHINGTON-011</t>
  </si>
  <si>
    <t>722214-03070-2007.gz</t>
  </si>
  <si>
    <t>KERN</t>
  </si>
  <si>
    <t>24 WISE ROAD, AL</t>
  </si>
  <si>
    <t>HAVEN</t>
  </si>
  <si>
    <t>BIG BUCK</t>
  </si>
  <si>
    <t>SACRIFICE</t>
  </si>
  <si>
    <t>PTARMIGAN</t>
  </si>
  <si>
    <t>TRIMMER</t>
  </si>
  <si>
    <t>FY2003-BACON-012</t>
  </si>
  <si>
    <t>BREWTON HWY &amp; CO RD 47, AL</t>
  </si>
  <si>
    <t>BOWLINGWOOD</t>
  </si>
  <si>
    <t>LUCE</t>
  </si>
  <si>
    <t>MS0    0909-1070322005</t>
  </si>
  <si>
    <t>BATTLEMENT</t>
  </si>
  <si>
    <t>SUGARCAMP BRANCH</t>
  </si>
  <si>
    <t>WALTONIA</t>
  </si>
  <si>
    <t>724769-99999-1996.gz</t>
  </si>
  <si>
    <t xml:space="preserve">TOWER                    </t>
  </si>
  <si>
    <t>724938-99999-2005.gz</t>
  </si>
  <si>
    <t>TALLAC</t>
  </si>
  <si>
    <t>UNNAMED FIRE 0550</t>
  </si>
  <si>
    <t>JOEY</t>
  </si>
  <si>
    <t>450 SOUTH</t>
  </si>
  <si>
    <t>SAUM</t>
  </si>
  <si>
    <t>727486-04983-2007.gz</t>
  </si>
  <si>
    <t xml:space="preserve">ESPARTO                  </t>
  </si>
  <si>
    <t>BOGUS CREEK 3</t>
  </si>
  <si>
    <t xml:space="preserve">KEN                      </t>
  </si>
  <si>
    <t>WALKERS BRANCH</t>
  </si>
  <si>
    <t>PAUL BAYOU ROAD, AL</t>
  </si>
  <si>
    <t>SPECIAL</t>
  </si>
  <si>
    <t>722332-54953-2010.gz</t>
  </si>
  <si>
    <t>SER-20120321-003</t>
  </si>
  <si>
    <t>TRIPLETS</t>
  </si>
  <si>
    <t>MOUTH OF BRUSHY FORK</t>
  </si>
  <si>
    <t>FY2000-BARTOW-111</t>
  </si>
  <si>
    <t>GOV.II</t>
  </si>
  <si>
    <t xml:space="preserve">WIRTH                    </t>
  </si>
  <si>
    <t>WACASASSA LAKE</t>
  </si>
  <si>
    <t>2960   BRAZOS POINT</t>
  </si>
  <si>
    <t>720320-53981-2010.gz</t>
  </si>
  <si>
    <t>702325-99999-2002.gz</t>
  </si>
  <si>
    <t>HWY. 19</t>
  </si>
  <si>
    <t>722587-99999-1995.gz</t>
  </si>
  <si>
    <t>WESTWATER2</t>
  </si>
  <si>
    <t>HWY 59</t>
  </si>
  <si>
    <t>FY2011-TALBOT-027</t>
  </si>
  <si>
    <t>ROCKY KNUC</t>
  </si>
  <si>
    <t>FY2013-HARRIS-004</t>
  </si>
  <si>
    <t>129723-11410-03162015-1600</t>
  </si>
  <si>
    <t>JEFF VASEK</t>
  </si>
  <si>
    <t>MS0    0909-4230207019</t>
  </si>
  <si>
    <t>JUMPED MY CALL</t>
  </si>
  <si>
    <t>HELL CANYON</t>
  </si>
  <si>
    <t xml:space="preserve">SCHOOL HOUSE             </t>
  </si>
  <si>
    <t>JIMMY MOBILE HOME</t>
  </si>
  <si>
    <t>FY2000-ECHOLS-062</t>
  </si>
  <si>
    <t>DILLON RD / DOLLAR RD</t>
  </si>
  <si>
    <t>CRA4364377</t>
  </si>
  <si>
    <t>EC 20139</t>
  </si>
  <si>
    <t>HAMPTON CEM.</t>
  </si>
  <si>
    <t>PILOT POINT DUMP</t>
  </si>
  <si>
    <t>702626-99999-2010.gz</t>
  </si>
  <si>
    <t>722115-12871-2008.gz</t>
  </si>
  <si>
    <t>MS0    0808-4180512005</t>
  </si>
  <si>
    <t>WOODVILLE - 197</t>
  </si>
  <si>
    <t>NEWCOMB</t>
  </si>
  <si>
    <t>BROCKTON 3</t>
  </si>
  <si>
    <t>LEWIS MESA</t>
  </si>
  <si>
    <t>724767-93069-2008.gz</t>
  </si>
  <si>
    <t>724100-13733-1997.gz</t>
  </si>
  <si>
    <t>LINDEN - 6093</t>
  </si>
  <si>
    <t>FY2012-BERRIEN-017</t>
  </si>
  <si>
    <t>FM 181 FIRE</t>
  </si>
  <si>
    <t>720355-03732-2008.gz</t>
  </si>
  <si>
    <t>727456-99999-1998.gz</t>
  </si>
  <si>
    <t>FY2000-PIERCE-052</t>
  </si>
  <si>
    <t>FY2011-APPLING-134</t>
  </si>
  <si>
    <t>I 5  / STUHR RD</t>
  </si>
  <si>
    <t>724336-93810-2012.gz</t>
  </si>
  <si>
    <t>LIVINGSTON - 372</t>
  </si>
  <si>
    <t>720561-00467-2015.gz</t>
  </si>
  <si>
    <t>BEAVER CK</t>
  </si>
  <si>
    <t xml:space="preserve">LAKE #1                  </t>
  </si>
  <si>
    <t>FLETCHER 2</t>
  </si>
  <si>
    <t>SE TERRY  (36)</t>
  </si>
  <si>
    <t>QUESTIONABLE PPE</t>
  </si>
  <si>
    <t>HOPEWELL</t>
  </si>
  <si>
    <t xml:space="preserve">615 CR 201 </t>
  </si>
  <si>
    <t>APACHE CORP</t>
  </si>
  <si>
    <t>BAILEY FIRE</t>
  </si>
  <si>
    <t>MILLERD</t>
  </si>
  <si>
    <t>RT. 97</t>
  </si>
  <si>
    <t xml:space="preserve">I5  N/ BUTTS RD 9        </t>
  </si>
  <si>
    <t>ROAD BLOCK</t>
  </si>
  <si>
    <t>UPR 359</t>
  </si>
  <si>
    <t>FY2012-CRISP-022</t>
  </si>
  <si>
    <t>2009-075</t>
  </si>
  <si>
    <t>TWINN BUTTE</t>
  </si>
  <si>
    <t>GRASS FIRE CR 3425</t>
  </si>
  <si>
    <t>726530-99999-2003.gz</t>
  </si>
  <si>
    <t>BUDDY</t>
  </si>
  <si>
    <t>HALF &amp; HALF</t>
  </si>
  <si>
    <t>FY2015-LAURENS-037</t>
  </si>
  <si>
    <t>LITTLE CHIEF</t>
  </si>
  <si>
    <t>724530-13969-2013.gz</t>
  </si>
  <si>
    <t>720406-99999-2011.gz</t>
  </si>
  <si>
    <t>GOOT 1</t>
  </si>
  <si>
    <t>724365-99999-1997.gz</t>
  </si>
  <si>
    <t>LAIDLAW</t>
  </si>
  <si>
    <t>EASTON</t>
  </si>
  <si>
    <t>OTA 71</t>
  </si>
  <si>
    <t>SKIDDER FIRE</t>
  </si>
  <si>
    <t>723650-23050-2010.gz</t>
  </si>
  <si>
    <t>994230-99999-2001.gz</t>
  </si>
  <si>
    <t>HECK BRANCH FIRE</t>
  </si>
  <si>
    <t>FY2013-POLK-009</t>
  </si>
  <si>
    <t>723200-93801-2012.gz</t>
  </si>
  <si>
    <t>726627-94037-2008.gz</t>
  </si>
  <si>
    <t>ORLEANS</t>
  </si>
  <si>
    <t>HARMONY</t>
  </si>
  <si>
    <t>722926-03154-2011.gz</t>
  </si>
  <si>
    <t>MS0    1010-4230217009</t>
  </si>
  <si>
    <t>MONTE APLANADO</t>
  </si>
  <si>
    <t>723663-03012-2009.gz</t>
  </si>
  <si>
    <t>723403-13963-2002.gz</t>
  </si>
  <si>
    <t>MEAUWATAKA MOMMA</t>
  </si>
  <si>
    <t>726384-99999-2000.gz</t>
  </si>
  <si>
    <t>PENTZ</t>
  </si>
  <si>
    <t xml:space="preserve">CASA 10                  </t>
  </si>
  <si>
    <t xml:space="preserve">FKU 10130                </t>
  </si>
  <si>
    <t>GOAT TRACK 2</t>
  </si>
  <si>
    <t>BATTLE AXE</t>
  </si>
  <si>
    <t>OXYOKE</t>
  </si>
  <si>
    <t>724067-93744-2006.gz</t>
  </si>
  <si>
    <t>GEARY</t>
  </si>
  <si>
    <t>723535-99999-2001.gz</t>
  </si>
  <si>
    <t>YET ANOTHER 1</t>
  </si>
  <si>
    <t xml:space="preserve">MOBILE OIL #1            </t>
  </si>
  <si>
    <t>BILL DEE</t>
  </si>
  <si>
    <t>GAR1922886</t>
  </si>
  <si>
    <t>723415-03962-2014.gz</t>
  </si>
  <si>
    <t>PATHETIC</t>
  </si>
  <si>
    <t>727584-99999-2004.gz</t>
  </si>
  <si>
    <t>BROOKEN MTN 18-9-18</t>
  </si>
  <si>
    <t>FY2002-MILLER-026</t>
  </si>
  <si>
    <t>PULLOFT</t>
  </si>
  <si>
    <t>722247-54785-2015.gz</t>
  </si>
  <si>
    <t>CRANBERRY FIRE</t>
  </si>
  <si>
    <t>UNIT 21</t>
  </si>
  <si>
    <t>RICHARD SMEINS</t>
  </si>
  <si>
    <t>726519-94993-2012.gz</t>
  </si>
  <si>
    <t>HENDERSON - 571</t>
  </si>
  <si>
    <t>HOWARD TRAIL</t>
  </si>
  <si>
    <t>KENEDY COUNTY CONTROL BURN</t>
  </si>
  <si>
    <t>722516-12928-2015.gz</t>
  </si>
  <si>
    <t>FB-I1</t>
  </si>
  <si>
    <t>724760-23066-2012.gz</t>
  </si>
  <si>
    <t>LAWYER</t>
  </si>
  <si>
    <t>KUBECKA FIRE</t>
  </si>
  <si>
    <t>POTTER BROOK CLUB FIRE</t>
  </si>
  <si>
    <t>11169 HWY 10, AL</t>
  </si>
  <si>
    <t>720362-63874-2011.gz</t>
  </si>
  <si>
    <t>HOLMQUIST</t>
  </si>
  <si>
    <t>LINDEN - 626</t>
  </si>
  <si>
    <t>COALINGA</t>
  </si>
  <si>
    <t>723898-53119-2013.gz</t>
  </si>
  <si>
    <t>FY2001-STEWART-030</t>
  </si>
  <si>
    <t>722618-23091-2006.gz</t>
  </si>
  <si>
    <t>MUD BOG</t>
  </si>
  <si>
    <t>TRVFD2009-38</t>
  </si>
  <si>
    <t>727555-99999-2001.gz</t>
  </si>
  <si>
    <t>FY2001-WARREN-022</t>
  </si>
  <si>
    <t>MS0    0808-3330316006</t>
  </si>
  <si>
    <t>726185-14605-1999.gz</t>
  </si>
  <si>
    <t>PARKINSON</t>
  </si>
  <si>
    <t>722686-23008-1998.gz</t>
  </si>
  <si>
    <t>SANTA FE</t>
  </si>
  <si>
    <t>724604-99999-1996.gz</t>
  </si>
  <si>
    <t>AUTUMN</t>
  </si>
  <si>
    <t>AREA 42</t>
  </si>
  <si>
    <t xml:space="preserve">BOEGER                   </t>
  </si>
  <si>
    <t>HIGH KNOLLS</t>
  </si>
  <si>
    <t>BOUSE 1</t>
  </si>
  <si>
    <t>697564-99999-1993.gz</t>
  </si>
  <si>
    <t>12-0000236</t>
  </si>
  <si>
    <t>FY2000-MCINTOSH-058</t>
  </si>
  <si>
    <t xml:space="preserve">TAYLOR FIRE </t>
  </si>
  <si>
    <t>BIRCH PEAK</t>
  </si>
  <si>
    <t>726904-24231-2005.gz</t>
  </si>
  <si>
    <t>NE 30162</t>
  </si>
  <si>
    <t>GREAT WALL OF CHINA</t>
  </si>
  <si>
    <t>NTH HWY 77 &amp; CO RD 46</t>
  </si>
  <si>
    <t>720316-12984-2013.gz</t>
  </si>
  <si>
    <t xml:space="preserve">PORTER                   </t>
  </si>
  <si>
    <t>TALENT</t>
  </si>
  <si>
    <t>BRECKENRIDGE VILLAGE</t>
  </si>
  <si>
    <t>KETTLEBUTT</t>
  </si>
  <si>
    <t>COUNTY 21</t>
  </si>
  <si>
    <t>BARELA</t>
  </si>
  <si>
    <t>7000 BLK 27 AND LANE VALLEY</t>
  </si>
  <si>
    <t>856 CR 1118</t>
  </si>
  <si>
    <t>QUEENS RIDGE ROAD</t>
  </si>
  <si>
    <t>SANTAFE 3</t>
  </si>
  <si>
    <t>PEQUOP</t>
  </si>
  <si>
    <t>724056-63805-2008.gz</t>
  </si>
  <si>
    <t>NORTH SL.</t>
  </si>
  <si>
    <t>HABITAT 2</t>
  </si>
  <si>
    <t xml:space="preserve">LASSEN AV  HAPPYVALLEY 8 </t>
  </si>
  <si>
    <t>BIA ASSIST BEAVER CR</t>
  </si>
  <si>
    <t>721009-99999-2014.gz</t>
  </si>
  <si>
    <t>HOWSLEY RD  SUTTER_COUNTY</t>
  </si>
  <si>
    <t>724839-93225-2013.gz</t>
  </si>
  <si>
    <t>BAD TOOTH</t>
  </si>
  <si>
    <t>SUGAR PINE2</t>
  </si>
  <si>
    <t>CLYDE LAKE FIREWORKS</t>
  </si>
  <si>
    <t>BELLVIEW</t>
  </si>
  <si>
    <t>722789-03192-2009.gz</t>
  </si>
  <si>
    <t>702650-99999-1998.gz</t>
  </si>
  <si>
    <t xml:space="preserve">SKYWAY 2                 </t>
  </si>
  <si>
    <t>NER-20150121-002</t>
  </si>
  <si>
    <t>745090-23244-2004.gz</t>
  </si>
  <si>
    <t>GRASS FIRE HWY 281 N</t>
  </si>
  <si>
    <t>BEAR CREEK ROAD</t>
  </si>
  <si>
    <t>725475-04953-2012.gz</t>
  </si>
  <si>
    <t>GARY SLETTO FIRE</t>
  </si>
  <si>
    <t>PORTALES</t>
  </si>
  <si>
    <t>RR2389/9298 JAMES RIVER RD/G.ZESCH</t>
  </si>
  <si>
    <t>PRESQUE ISLE</t>
  </si>
  <si>
    <t>PLUM CANYON</t>
  </si>
  <si>
    <t>UNNAMED FIRE 3071</t>
  </si>
  <si>
    <t>HWY 53 EAST/ WHITE LAKE</t>
  </si>
  <si>
    <t>SPRING MARSH WF</t>
  </si>
  <si>
    <t>BLADEN SPRINGS/ 87 EAST #3</t>
  </si>
  <si>
    <t>720279-03705-2013.gz</t>
  </si>
  <si>
    <t>749485-00396-2012.gz</t>
  </si>
  <si>
    <t>HOLBROOK</t>
  </si>
  <si>
    <t>TURNERFALL</t>
  </si>
  <si>
    <t xml:space="preserve">WAYLAND                  </t>
  </si>
  <si>
    <t>DERBY2</t>
  </si>
  <si>
    <t>STEVENS RD</t>
  </si>
  <si>
    <t>HOBART STR</t>
  </si>
  <si>
    <t>LIGHTNING 29</t>
  </si>
  <si>
    <t>JACK HOLT RD</t>
  </si>
  <si>
    <t>2011-13513</t>
  </si>
  <si>
    <t>FY2002-TAYLOR-017</t>
  </si>
  <si>
    <t>723106-13744-2010.gz</t>
  </si>
  <si>
    <t>BAILEY RD / TERWILLIGER R</t>
  </si>
  <si>
    <t>CANNS NECK</t>
  </si>
  <si>
    <t>724053-03717-2014.gz</t>
  </si>
  <si>
    <t>MCGOWAN 1</t>
  </si>
  <si>
    <t xml:space="preserve">US WINDPOWER #13         </t>
  </si>
  <si>
    <t xml:space="preserve">KENT                     </t>
  </si>
  <si>
    <t>BRETTEN BUSH</t>
  </si>
  <si>
    <t>726920-24230-2012.gz</t>
  </si>
  <si>
    <t>POTATO SADDLE</t>
  </si>
  <si>
    <t>COPANO BAY BRIDGE</t>
  </si>
  <si>
    <t>POPS LANDING COMMAND</t>
  </si>
  <si>
    <t>FINGER</t>
  </si>
  <si>
    <t>SAGEHEN</t>
  </si>
  <si>
    <t>I-20 MM 275  TYE</t>
  </si>
  <si>
    <t>ECR120ELECTRICPOLE</t>
  </si>
  <si>
    <t>A0803012</t>
  </si>
  <si>
    <t>MS0    1010-4230514001</t>
  </si>
  <si>
    <t>NER-20151018-002</t>
  </si>
  <si>
    <t>722895-23243-2015.gz</t>
  </si>
  <si>
    <t>FLOWER MTN</t>
  </si>
  <si>
    <t>A00019-53969-2007.gz</t>
  </si>
  <si>
    <t>MM64 I84</t>
  </si>
  <si>
    <t>MS0    1010-2780320008</t>
  </si>
  <si>
    <t>MS0    0909-2800226002</t>
  </si>
  <si>
    <t>HUNTERS CREEK</t>
  </si>
  <si>
    <t>HOUSE DOWN</t>
  </si>
  <si>
    <t>723165-63821-2010.gz</t>
  </si>
  <si>
    <t>SILTROAD</t>
  </si>
  <si>
    <t>ESTATES</t>
  </si>
  <si>
    <t>TESTAREA1</t>
  </si>
  <si>
    <t>HENDERSON - 043</t>
  </si>
  <si>
    <t>LD2403</t>
  </si>
  <si>
    <t>LAWN MOWER 7 15</t>
  </si>
  <si>
    <t xml:space="preserve">GUNDERSON                </t>
  </si>
  <si>
    <t>LIVINGSTON - 296</t>
  </si>
  <si>
    <t>722176-53884-2008.gz</t>
  </si>
  <si>
    <t>MCKINLEY</t>
  </si>
  <si>
    <t>FY2014-MARION-010</t>
  </si>
  <si>
    <t>MATO</t>
  </si>
  <si>
    <t>MS0    0909-5740311003</t>
  </si>
  <si>
    <t>BRUSHY RIDGE</t>
  </si>
  <si>
    <t>SWR-20140709-002</t>
  </si>
  <si>
    <t>722266-99999-2014.gz</t>
  </si>
  <si>
    <t>KILN</t>
  </si>
  <si>
    <t>ENCIERRO</t>
  </si>
  <si>
    <t>724915-23259-2013.gz</t>
  </si>
  <si>
    <t>726227-94790-2010.gz</t>
  </si>
  <si>
    <t>FY2013-HANCOCK-027</t>
  </si>
  <si>
    <t>GRIZZLY #2</t>
  </si>
  <si>
    <t>CALIFORNIA CREEK 3</t>
  </si>
  <si>
    <t>PUTNAM/WARD ROAD FIRE</t>
  </si>
  <si>
    <t>INDIAN CK FIRE</t>
  </si>
  <si>
    <t>720455-00145-2015.gz</t>
  </si>
  <si>
    <t>CLAMPETT#2</t>
  </si>
  <si>
    <t>BOGARD FIRE</t>
  </si>
  <si>
    <t>GREEN TRACTOR (53)</t>
  </si>
  <si>
    <t>FY2013-TURNER-013</t>
  </si>
  <si>
    <t>OKERMAN</t>
  </si>
  <si>
    <t>MUSTANG DR</t>
  </si>
  <si>
    <t>MORTON GAP</t>
  </si>
  <si>
    <t>ISAAC CREEK</t>
  </si>
  <si>
    <t>R322</t>
  </si>
  <si>
    <t>BURNETTE FIRE</t>
  </si>
  <si>
    <t>726468-99999-2002.gz</t>
  </si>
  <si>
    <t>MM370</t>
  </si>
  <si>
    <t>MUTON CORD 099</t>
  </si>
  <si>
    <t>ALKALI SPRINGS</t>
  </si>
  <si>
    <t>DOUBLE RAINBOW FIRE</t>
  </si>
  <si>
    <t>I 30 S SERVICE RD 108MM</t>
  </si>
  <si>
    <t>FULTON ROAD FIRE</t>
  </si>
  <si>
    <t>TROUGH</t>
  </si>
  <si>
    <t>OPOSSUM LANE</t>
  </si>
  <si>
    <t>ECR-20120105-003</t>
  </si>
  <si>
    <t xml:space="preserve">OHIO #6                  </t>
  </si>
  <si>
    <t>SALISH SHORES</t>
  </si>
  <si>
    <t>726682-54914-2011.gz</t>
  </si>
  <si>
    <t>FAIRFIELD #2</t>
  </si>
  <si>
    <t>LINDEN - 472</t>
  </si>
  <si>
    <t>FY2001-TWIGGS-043</t>
  </si>
  <si>
    <t>P HIGHWAY</t>
  </si>
  <si>
    <t>11-00084</t>
  </si>
  <si>
    <t>201 C,R. 139 FIRE</t>
  </si>
  <si>
    <t>GOLDEN EYE</t>
  </si>
  <si>
    <t>DULL'S DUMP</t>
  </si>
  <si>
    <t>OLD SNAG</t>
  </si>
  <si>
    <t>724086-14793-1992.gz</t>
  </si>
  <si>
    <t>LUTHER'S</t>
  </si>
  <si>
    <t>IRELAND C.R. 182</t>
  </si>
  <si>
    <t>PALMS LANE FIRE</t>
  </si>
  <si>
    <t>X TRACK SERIES</t>
  </si>
  <si>
    <t>BLOOMFIELD (35)</t>
  </si>
  <si>
    <t>FY2001-EARLY-017</t>
  </si>
  <si>
    <t>PEDERSON</t>
  </si>
  <si>
    <t>HILL ROAD</t>
  </si>
  <si>
    <t>35/WEST LOOP FIRE/0110</t>
  </si>
  <si>
    <t>722213-12819-2010.gz</t>
  </si>
  <si>
    <t>OLD FALL LICK</t>
  </si>
  <si>
    <t>FY2001-LONG-037</t>
  </si>
  <si>
    <t>BROKEN MIRROR FIRE</t>
  </si>
  <si>
    <t>727459-99999-2001.gz</t>
  </si>
  <si>
    <t>PISTOL LANE FIRE 2</t>
  </si>
  <si>
    <t>MS0    1111-2800410003</t>
  </si>
  <si>
    <t>CARRIZO 1</t>
  </si>
  <si>
    <t xml:space="preserve">INK                      </t>
  </si>
  <si>
    <t>724955-93227-2003.gz</t>
  </si>
  <si>
    <t>GLACIAL RIDGE 6</t>
  </si>
  <si>
    <t xml:space="preserve">BLEDSOLE                 </t>
  </si>
  <si>
    <t>VONDAVILLE</t>
  </si>
  <si>
    <t>UNITIINO2</t>
  </si>
  <si>
    <t>724093-99999-1997.gz</t>
  </si>
  <si>
    <t>MILL SPRINGS</t>
  </si>
  <si>
    <t xml:space="preserve">P.G.&amp;E. #2               </t>
  </si>
  <si>
    <t>992500-99999-1994.gz</t>
  </si>
  <si>
    <t>CLINE</t>
  </si>
  <si>
    <t>MS0    1010-4180226003</t>
  </si>
  <si>
    <t>FCR 1245 GRASS FIRE</t>
  </si>
  <si>
    <t>DEER PARK</t>
  </si>
  <si>
    <t>SWR-20130920-002</t>
  </si>
  <si>
    <t>B.KNIPPLIN</t>
  </si>
  <si>
    <t>727347-14841-1992.gz</t>
  </si>
  <si>
    <t>NO.GULCH</t>
  </si>
  <si>
    <t>TURKEY PEAK</t>
  </si>
  <si>
    <t>724604-93076-2007.gz</t>
  </si>
  <si>
    <t>724846-53123-2008.gz</t>
  </si>
  <si>
    <t>724115-93757-2007.gz</t>
  </si>
  <si>
    <t>FY2011-BALDWIN-011</t>
  </si>
  <si>
    <t>723443-53955-2013.gz</t>
  </si>
  <si>
    <t>6076 59 N</t>
  </si>
  <si>
    <t>HOOF AND HORNS RANCH</t>
  </si>
  <si>
    <t>725745-24057-1997.gz</t>
  </si>
  <si>
    <t>747043-03165-2012.gz</t>
  </si>
  <si>
    <t>723620-93040-2013.gz</t>
  </si>
  <si>
    <t>FLUME</t>
  </si>
  <si>
    <t xml:space="preserve">ESCALON #1               </t>
  </si>
  <si>
    <t>SUGAR LOAF</t>
  </si>
  <si>
    <t xml:space="preserve">FIG 2                    </t>
  </si>
  <si>
    <t xml:space="preserve">RODDY                    </t>
  </si>
  <si>
    <t>FINN CREEK</t>
  </si>
  <si>
    <t>PENN</t>
  </si>
  <si>
    <t>232 NOTTINGHAM RD, AL</t>
  </si>
  <si>
    <t>PAT</t>
  </si>
  <si>
    <t>747910-13717-2014.gz</t>
  </si>
  <si>
    <t>994580-99999-2001.gz</t>
  </si>
  <si>
    <t>HALIBURTON</t>
  </si>
  <si>
    <t>OLD SKID ROAD</t>
  </si>
  <si>
    <t>DOUBLE CREEK</t>
  </si>
  <si>
    <t>DUGAN CHAPPEL HAY FIRE</t>
  </si>
  <si>
    <t>IVES FIELD</t>
  </si>
  <si>
    <t>DON SHUMATE RD</t>
  </si>
  <si>
    <t>14377 HWY 90</t>
  </si>
  <si>
    <t>998266-99999-2010.gz</t>
  </si>
  <si>
    <t>BEAVER CR</t>
  </si>
  <si>
    <t>702650-99999-2000.gz</t>
  </si>
  <si>
    <t>PERRY BREWSTER ROAD</t>
  </si>
  <si>
    <t>727890-99999-1999.gz</t>
  </si>
  <si>
    <t>CR1061 CRAVEN</t>
  </si>
  <si>
    <t>INTERIOR</t>
  </si>
  <si>
    <t>SE CR 2190 FIRE - RONNIE WILLIS PROPERTY</t>
  </si>
  <si>
    <t>DEUCE</t>
  </si>
  <si>
    <t>723447-99999-1998.gz</t>
  </si>
  <si>
    <t>BELVADO</t>
  </si>
  <si>
    <t>F ST</t>
  </si>
  <si>
    <t>725175-64706-2008.gz</t>
  </si>
  <si>
    <t>722324-03071-2007.gz</t>
  </si>
  <si>
    <t>PLEASENT VALLEY FIRE</t>
  </si>
  <si>
    <t>LIGHTNING PEAK #2</t>
  </si>
  <si>
    <t>FY2001-TIFT-098</t>
  </si>
  <si>
    <t>EAST CARBON</t>
  </si>
  <si>
    <t>724700-93141-2015.gz</t>
  </si>
  <si>
    <t>PINEISLAND</t>
  </si>
  <si>
    <t>HALSEY SOUTH</t>
  </si>
  <si>
    <t>HWY 33 CO.RD. 28</t>
  </si>
  <si>
    <t>CHINA MAN</t>
  </si>
  <si>
    <t>3167&amp;H4</t>
  </si>
  <si>
    <t>PLATEAU</t>
  </si>
  <si>
    <t>LIVINGSTON - 8069</t>
  </si>
  <si>
    <t>U ROAD</t>
  </si>
  <si>
    <t>725170-14737-2010.gz</t>
  </si>
  <si>
    <t>HARPERS EAST</t>
  </si>
  <si>
    <t>TENAJA</t>
  </si>
  <si>
    <t>2994 CR 266</t>
  </si>
  <si>
    <t>SRILEY ADCOCK</t>
  </si>
  <si>
    <t>DEEP FUEL</t>
  </si>
  <si>
    <t>746936-99999-2004.gz</t>
  </si>
  <si>
    <t>FM 744</t>
  </si>
  <si>
    <t>FY2000-PIERCE-041</t>
  </si>
  <si>
    <t>ROCK ART</t>
  </si>
  <si>
    <t xml:space="preserve">UNKNOWN </t>
  </si>
  <si>
    <t xml:space="preserve">"OAKES,R"                </t>
  </si>
  <si>
    <t>FY2002-LANIER-049</t>
  </si>
  <si>
    <t>GA-9</t>
  </si>
  <si>
    <t xml:space="preserve">BIG                      </t>
  </si>
  <si>
    <t>HURLETON SWEDES FLAT RD 2</t>
  </si>
  <si>
    <t>ARCING</t>
  </si>
  <si>
    <t>COTTONWOOD 2</t>
  </si>
  <si>
    <t>MARROWBONE CREEK</t>
  </si>
  <si>
    <t>724070-93730-2013.gz</t>
  </si>
  <si>
    <t>HENDERSON - 380</t>
  </si>
  <si>
    <t>(1-30) CHENNEY</t>
  </si>
  <si>
    <t>CHUPADERO</t>
  </si>
  <si>
    <t>720599-00192-2015.gz</t>
  </si>
  <si>
    <t>OUA8682425</t>
  </si>
  <si>
    <t>H12</t>
  </si>
  <si>
    <t>720411-00137-2010.gz</t>
  </si>
  <si>
    <t>BARNES CANYON</t>
  </si>
  <si>
    <t>722735-93026-1993.gz</t>
  </si>
  <si>
    <t>4/20/14 TX SH 24 N @ CR 4260</t>
  </si>
  <si>
    <t>PECKS</t>
  </si>
  <si>
    <t xml:space="preserve">LOCAL 16888              </t>
  </si>
  <si>
    <t>BRAD BOURNE</t>
  </si>
  <si>
    <t>724796-99999-1998.gz</t>
  </si>
  <si>
    <t>1 HWY 59 S</t>
  </si>
  <si>
    <t>LEMIEUX-2</t>
  </si>
  <si>
    <t>LOUSE CREEK</t>
  </si>
  <si>
    <t>HWY 35 S @ CR 881</t>
  </si>
  <si>
    <t>722527-12976-2011.gz</t>
  </si>
  <si>
    <t>BERRYMAN FIELDS</t>
  </si>
  <si>
    <t>FLATBED #2</t>
  </si>
  <si>
    <t>OPAL LAKE</t>
  </si>
  <si>
    <t>LIVINGSTON - 620</t>
  </si>
  <si>
    <t>CR 1104 FIRE</t>
  </si>
  <si>
    <t>726682-54914-2007.gz</t>
  </si>
  <si>
    <t>SQUAW CYN</t>
  </si>
  <si>
    <t>GLENN RD.</t>
  </si>
  <si>
    <t>MS0510</t>
  </si>
  <si>
    <t>722593-03985-2014.gz</t>
  </si>
  <si>
    <t>GIBSON CEMETARY RD</t>
  </si>
  <si>
    <t>BUTTERNUT ROAD</t>
  </si>
  <si>
    <t>727566-99999-2004.gz</t>
  </si>
  <si>
    <t>727836-99999-1992.gz</t>
  </si>
  <si>
    <t>MS0    0909-6540318001</t>
  </si>
  <si>
    <t>726430-14920-2003.gz</t>
  </si>
  <si>
    <t>MIDDLE PRONG</t>
  </si>
  <si>
    <t xml:space="preserve">SIMMON                   </t>
  </si>
  <si>
    <t>MADAWASKA</t>
  </si>
  <si>
    <t>SHARPS FERRY 1</t>
  </si>
  <si>
    <t>LAMASCO</t>
  </si>
  <si>
    <t>DOBBINS</t>
  </si>
  <si>
    <t>941-402</t>
  </si>
  <si>
    <t>SHAWNESTY RD.</t>
  </si>
  <si>
    <t>STAR GAZER</t>
  </si>
  <si>
    <t>724026-99999-2001.gz</t>
  </si>
  <si>
    <t>HOT8614461</t>
  </si>
  <si>
    <t>28TH STEET</t>
  </si>
  <si>
    <t>725416-14864-2007.gz</t>
  </si>
  <si>
    <t>OREGON 2</t>
  </si>
  <si>
    <t>CR 297</t>
  </si>
  <si>
    <t>E KINGS CANYON RD /S REED</t>
  </si>
  <si>
    <t>WEST SPRING</t>
  </si>
  <si>
    <t>PELL RD (64)</t>
  </si>
  <si>
    <t>722057-12854-2013.gz</t>
  </si>
  <si>
    <t>FIRST FIRE</t>
  </si>
  <si>
    <t>720868-00294-2013.gz</t>
  </si>
  <si>
    <t>CUTTERS</t>
  </si>
  <si>
    <t>ACORN</t>
  </si>
  <si>
    <t>DRIPSTONE RANCH FIRE</t>
  </si>
  <si>
    <t>MOSSY CREEK</t>
  </si>
  <si>
    <t>HABAKKER</t>
  </si>
  <si>
    <t>723762-93244-2013.gz</t>
  </si>
  <si>
    <t>723890-93193-2001.gz</t>
  </si>
  <si>
    <t>THORPEHILL</t>
  </si>
  <si>
    <t>BETTIS</t>
  </si>
  <si>
    <t>BUSTED MIRROR FIRE</t>
  </si>
  <si>
    <t>FY2002-EMANUEL-026</t>
  </si>
  <si>
    <t>OLIVER</t>
  </si>
  <si>
    <t>723826-99999-1998.gz</t>
  </si>
  <si>
    <t xml:space="preserve">RS                       </t>
  </si>
  <si>
    <t>FREEMAN</t>
  </si>
  <si>
    <t>PARETE ROAD (16)</t>
  </si>
  <si>
    <t>ROYCE</t>
  </si>
  <si>
    <t>RANGELAND FIRE</t>
  </si>
  <si>
    <t>722536-12911-2015.gz</t>
  </si>
  <si>
    <t xml:space="preserve">"""GILMAN"" VEG FIRE"    </t>
  </si>
  <si>
    <t>14820 CR 336</t>
  </si>
  <si>
    <t>NANCY FORK</t>
  </si>
  <si>
    <t>DOUGIE</t>
  </si>
  <si>
    <t xml:space="preserve">PEACHY                   </t>
  </si>
  <si>
    <t>GARFIELD ASSIST 21</t>
  </si>
  <si>
    <t>725450-14990-2003.gz</t>
  </si>
  <si>
    <t>722726-99999-1996.gz</t>
  </si>
  <si>
    <t xml:space="preserve">PYRAMID HILLS            </t>
  </si>
  <si>
    <t>ROGERS</t>
  </si>
  <si>
    <t>WET SWAMP</t>
  </si>
  <si>
    <t>722246-03844-2009.gz</t>
  </si>
  <si>
    <t xml:space="preserve">PG&amp;E #10                 </t>
  </si>
  <si>
    <t>LINE CREEK FIRE</t>
  </si>
  <si>
    <t>CR 342</t>
  </si>
  <si>
    <t>726444-04963-2015.gz</t>
  </si>
  <si>
    <t>FALCON</t>
  </si>
  <si>
    <t xml:space="preserve">BADGER FLAT RD /W H ST 2 </t>
  </si>
  <si>
    <t>724837-93216-1992.gz</t>
  </si>
  <si>
    <t>LOCO</t>
  </si>
  <si>
    <t>TIMBERLAKE 2</t>
  </si>
  <si>
    <t>MATILDA</t>
  </si>
  <si>
    <t>724096-14706-1992.gz</t>
  </si>
  <si>
    <t>722211-94087-2010.gz</t>
  </si>
  <si>
    <t>FY2001-APPLING-043</t>
  </si>
  <si>
    <t>WIDE RUINS 1</t>
  </si>
  <si>
    <t>FY2001-WHITE-002</t>
  </si>
  <si>
    <t>DAVIS BEND #2</t>
  </si>
  <si>
    <t>MS0    1111-1710212001</t>
  </si>
  <si>
    <t>CENTER HILL</t>
  </si>
  <si>
    <t>HOUSE 200</t>
  </si>
  <si>
    <t>OLD CLEVELAND PIKE</t>
  </si>
  <si>
    <t>MIKE ORN FARM</t>
  </si>
  <si>
    <t>RL182</t>
  </si>
  <si>
    <t>EIGHT</t>
  </si>
  <si>
    <t>A00029-63820-2014.gz</t>
  </si>
  <si>
    <t>#648</t>
  </si>
  <si>
    <t>725895-94236-1995.gz</t>
  </si>
  <si>
    <t>FY2012-EFFINGHAM-008</t>
  </si>
  <si>
    <t>HCR 1405</t>
  </si>
  <si>
    <t>ANEW ONE ON ME</t>
  </si>
  <si>
    <t xml:space="preserve">LEVEE IC TAC 11          </t>
  </si>
  <si>
    <t>724838-93205-2007.gz</t>
  </si>
  <si>
    <t>TILDEN</t>
  </si>
  <si>
    <t>BEACH POND</t>
  </si>
  <si>
    <t xml:space="preserve">BAIGORRIA                </t>
  </si>
  <si>
    <t>724950-23250-1992.gz</t>
  </si>
  <si>
    <t xml:space="preserve">TREE FIRE                </t>
  </si>
  <si>
    <t>BATTERY MTN</t>
  </si>
  <si>
    <t>SE BASS #2</t>
  </si>
  <si>
    <t>SPICER</t>
  </si>
  <si>
    <t>KAUTZMAN</t>
  </si>
  <si>
    <t>ARCH</t>
  </si>
  <si>
    <t>722689-99999-2002.gz</t>
  </si>
  <si>
    <t>NOR-20141023-002</t>
  </si>
  <si>
    <t>TURNER 5</t>
  </si>
  <si>
    <t>726817-24154-1998.gz</t>
  </si>
  <si>
    <t>WICHSER RD</t>
  </si>
  <si>
    <t>FY2013-DOOLY-019</t>
  </si>
  <si>
    <t>WRYE BRANCH RD</t>
  </si>
  <si>
    <t>722073-03727-2010.gz</t>
  </si>
  <si>
    <t>WILDLAND-5 MILES W US 90</t>
  </si>
  <si>
    <t>SHIRLEY LANE FIRE</t>
  </si>
  <si>
    <t>SUMMIT RIDGE</t>
  </si>
  <si>
    <t>BOWLING</t>
  </si>
  <si>
    <t>720358-53999-2008.gz</t>
  </si>
  <si>
    <t>CROW</t>
  </si>
  <si>
    <t>MS0    0808-6260121001</t>
  </si>
  <si>
    <t>JOHNS</t>
  </si>
  <si>
    <t>722523-12970-2013.gz</t>
  </si>
  <si>
    <t>CROFT (09)</t>
  </si>
  <si>
    <t>WILSON FORK</t>
  </si>
  <si>
    <t>HOFFMAN</t>
  </si>
  <si>
    <t xml:space="preserve">JACKSON                  </t>
  </si>
  <si>
    <t>MS0813</t>
  </si>
  <si>
    <t>CARRY</t>
  </si>
  <si>
    <t>LIZARD CREEK</t>
  </si>
  <si>
    <t>NW V-42</t>
  </si>
  <si>
    <t>FY2001-MCINTOSH-039</t>
  </si>
  <si>
    <t>WAL HOLLOW</t>
  </si>
  <si>
    <t>BAMBI FIRE</t>
  </si>
  <si>
    <t>PETERSON LEASE</t>
  </si>
  <si>
    <t>SWR-20140121-010</t>
  </si>
  <si>
    <t>OLD LANE (4891)</t>
  </si>
  <si>
    <t>FY2014-GREENE-003</t>
  </si>
  <si>
    <t>12850 VALVERDE LOOP</t>
  </si>
  <si>
    <t>QUINTON TOWER</t>
  </si>
  <si>
    <t>NE SNADPIT</t>
  </si>
  <si>
    <t>CRP FIRE ON PAUL IRLBECK FARM</t>
  </si>
  <si>
    <t>720393-00129-2010.gz</t>
  </si>
  <si>
    <t>BLANK</t>
  </si>
  <si>
    <t>726873-99999-1992.gz</t>
  </si>
  <si>
    <t>PORCUPINE CREEK</t>
  </si>
  <si>
    <t>CREEL</t>
  </si>
  <si>
    <t>DUNNIGAN #2</t>
  </si>
  <si>
    <t>COFFEE POT</t>
  </si>
  <si>
    <t>725827-99999-1992.gz</t>
  </si>
  <si>
    <t>CALIFORNIA CREEK</t>
  </si>
  <si>
    <t>WINDY RIDGE</t>
  </si>
  <si>
    <t>WARM SPRINGS</t>
  </si>
  <si>
    <t>TRAPPER</t>
  </si>
  <si>
    <t>CLEVELAND</t>
  </si>
  <si>
    <t>725847-99999-1992.gz</t>
  </si>
  <si>
    <t>723894-99999-1992.gz</t>
  </si>
  <si>
    <t>FOUNTAIN</t>
  </si>
  <si>
    <t>ROBINSON SPRING</t>
  </si>
  <si>
    <t>FORT SPRING</t>
  </si>
  <si>
    <t>LONE PINE</t>
  </si>
  <si>
    <t>POST OFFICE BAY</t>
  </si>
  <si>
    <t>GREAT LAKE</t>
  </si>
  <si>
    <t>WHITERIVER</t>
  </si>
  <si>
    <t>PIYAWICONI</t>
  </si>
  <si>
    <t>BOOT MTN</t>
  </si>
  <si>
    <t>RDOORECMPX</t>
  </si>
  <si>
    <t>702915-99999-1992.gz</t>
  </si>
  <si>
    <t>BTT 3 48</t>
  </si>
  <si>
    <t>701730-99999-1992.gz</t>
  </si>
  <si>
    <t>CEMWNW73</t>
  </si>
  <si>
    <t>CEM NW 42</t>
  </si>
  <si>
    <t>CEM NW 45</t>
  </si>
  <si>
    <t>MID0RIDGE</t>
  </si>
  <si>
    <t>PRESLEY</t>
  </si>
  <si>
    <t>INDIAN 2</t>
  </si>
  <si>
    <t>WELL FIELD</t>
  </si>
  <si>
    <t>MEADOWSDIV</t>
  </si>
  <si>
    <t>COWHOLLOW2</t>
  </si>
  <si>
    <t>PILLAR BT</t>
  </si>
  <si>
    <t>MOSBY BT</t>
  </si>
  <si>
    <t>BLACKRIDGE</t>
  </si>
  <si>
    <t>RO</t>
  </si>
  <si>
    <t>GREAT RIFT</t>
  </si>
  <si>
    <t>POTTER BTE</t>
  </si>
  <si>
    <t>DIXIE CRK</t>
  </si>
  <si>
    <t>IDAHO LINE</t>
  </si>
  <si>
    <t>HAYMEADOW</t>
  </si>
  <si>
    <t>ALVORD</t>
  </si>
  <si>
    <t>EAST EVANS</t>
  </si>
  <si>
    <t>725970-24225-1992.gz</t>
  </si>
  <si>
    <t>CHICKEN SP</t>
  </si>
  <si>
    <t>CRAIN</t>
  </si>
  <si>
    <t>SOUTHLINE</t>
  </si>
  <si>
    <t>722293-99999-1992.gz</t>
  </si>
  <si>
    <t>STARLAKE2</t>
  </si>
  <si>
    <t>727840-99999-1992.gz</t>
  </si>
  <si>
    <t>POWER PLANT</t>
  </si>
  <si>
    <t>724090-14780-1992.gz</t>
  </si>
  <si>
    <t>FORKED RIVER MOUTAIN APR</t>
  </si>
  <si>
    <t>LITTLE MTN.</t>
  </si>
  <si>
    <t>725755-24101-1992.gz</t>
  </si>
  <si>
    <t>DESERET/SPRING CANYON</t>
  </si>
  <si>
    <t>725775-04111-1992.gz</t>
  </si>
  <si>
    <t>BUTCH MILLS N PROMONTORY</t>
  </si>
  <si>
    <t>POLE CANYON</t>
  </si>
  <si>
    <t xml:space="preserve">LA PALOMA                </t>
  </si>
  <si>
    <t xml:space="preserve">BURTONS                  </t>
  </si>
  <si>
    <t xml:space="preserve">VILLA                    </t>
  </si>
  <si>
    <t>HERMOSA FIRE</t>
  </si>
  <si>
    <t>NEW UNDERWOOD FIRE</t>
  </si>
  <si>
    <t>FRONTIER</t>
  </si>
  <si>
    <t>AUGUSTINE</t>
  </si>
  <si>
    <t>PIETY</t>
  </si>
  <si>
    <t>BURGETT</t>
  </si>
  <si>
    <t>QUEMADO</t>
  </si>
  <si>
    <t>EDWARDS</t>
  </si>
  <si>
    <t>KINNELOA</t>
  </si>
  <si>
    <t>722890-93136-1993.gz</t>
  </si>
  <si>
    <t>ORTEGA</t>
  </si>
  <si>
    <t>722933-99999-1993.gz</t>
  </si>
  <si>
    <t>GUEJITO</t>
  </si>
  <si>
    <t>MARRE</t>
  </si>
  <si>
    <t>722895-99999-1993.gz</t>
  </si>
  <si>
    <t>REPPLIER</t>
  </si>
  <si>
    <t>MARKHAM</t>
  </si>
  <si>
    <t>TAL SW 83</t>
  </si>
  <si>
    <t>702674-99999-1993.gz</t>
  </si>
  <si>
    <t>CEMSE34</t>
  </si>
  <si>
    <t>DCKN 178</t>
  </si>
  <si>
    <t>701940-26413-1993.gz</t>
  </si>
  <si>
    <t>FYUN 60</t>
  </si>
  <si>
    <t>TAL S 27</t>
  </si>
  <si>
    <t>CEMW62</t>
  </si>
  <si>
    <t>702615-99999-1993.gz</t>
  </si>
  <si>
    <t>FYUSE 35</t>
  </si>
  <si>
    <t>702220-99999-1993.gz</t>
  </si>
  <si>
    <t>DCKN190</t>
  </si>
  <si>
    <t>CEMNE62</t>
  </si>
  <si>
    <t>HAQUAHALA</t>
  </si>
  <si>
    <t>ELK HILLS2</t>
  </si>
  <si>
    <t>OPAL 2</t>
  </si>
  <si>
    <t>SUNBEAM</t>
  </si>
  <si>
    <t>WAPATI PK</t>
  </si>
  <si>
    <t>690170-99999-1993.gz</t>
  </si>
  <si>
    <t>BUNKER</t>
  </si>
  <si>
    <t>722690-99999-1993.gz</t>
  </si>
  <si>
    <t>MASHED O</t>
  </si>
  <si>
    <t>ELPASODRAW</t>
  </si>
  <si>
    <t>LINCH</t>
  </si>
  <si>
    <t>UVAS</t>
  </si>
  <si>
    <t>LAVADE</t>
  </si>
  <si>
    <t>JALTWO</t>
  </si>
  <si>
    <t>BOTTOM</t>
  </si>
  <si>
    <t>MOOSE CRK1</t>
  </si>
  <si>
    <t>TOLKAT RV</t>
  </si>
  <si>
    <t>702648-99999-1993.gz</t>
  </si>
  <si>
    <t>MAYDAY</t>
  </si>
  <si>
    <t>722640-93035-1993.gz</t>
  </si>
  <si>
    <t>GREENMEADO</t>
  </si>
  <si>
    <t>722954-99999-1993.gz</t>
  </si>
  <si>
    <t>GNATCATCHE</t>
  </si>
  <si>
    <t>CRATER CRE</t>
  </si>
  <si>
    <t>723550-13945-1993.gz</t>
  </si>
  <si>
    <t>WESTEND</t>
  </si>
  <si>
    <t>HIGHWAY 24</t>
  </si>
  <si>
    <t>727840-99999-1993.gz</t>
  </si>
  <si>
    <t>FREEZEOUT LAKE</t>
  </si>
  <si>
    <t>727750-24143-1993.gz</t>
  </si>
  <si>
    <t>RAVINE</t>
  </si>
  <si>
    <t xml:space="preserve">BOX                      </t>
  </si>
  <si>
    <t>TOKLAT RV</t>
  </si>
  <si>
    <t>MENARD FIRE</t>
  </si>
  <si>
    <t>BLUE ALLEGHENY FIRE</t>
  </si>
  <si>
    <t>690190-13910-1993.gz</t>
  </si>
  <si>
    <t>DONAHOE FIRE</t>
  </si>
  <si>
    <t>MCIVOR FIRE</t>
  </si>
  <si>
    <t>SHAFTER FIRE</t>
  </si>
  <si>
    <t>SAN SABA FIRE</t>
  </si>
  <si>
    <t>FERN CREEK</t>
  </si>
  <si>
    <t>DEAN RIDGE</t>
  </si>
  <si>
    <t>HELEN CREEK</t>
  </si>
  <si>
    <t>NORTH FORK BIG CREEK</t>
  </si>
  <si>
    <t>WEBB KNOB</t>
  </si>
  <si>
    <t>SCENERY 1</t>
  </si>
  <si>
    <t>SHEEP RANGE 3</t>
  </si>
  <si>
    <t>WINDY POINT</t>
  </si>
  <si>
    <t>HENRY PEAK</t>
  </si>
  <si>
    <t>RAPID RIVER</t>
  </si>
  <si>
    <t>PETERSON-ELLIOTT</t>
  </si>
  <si>
    <t>UTE CREEK</t>
  </si>
  <si>
    <t>S CANYON</t>
  </si>
  <si>
    <t>PINNACLE</t>
  </si>
  <si>
    <t>POT</t>
  </si>
  <si>
    <t>723600-23051-1994.gz</t>
  </si>
  <si>
    <t>REDINGTON</t>
  </si>
  <si>
    <t>PIGEON</t>
  </si>
  <si>
    <t>PATOS</t>
  </si>
  <si>
    <t>ARMOR</t>
  </si>
  <si>
    <t>RABBIT CREEK #1</t>
  </si>
  <si>
    <t>BEAR RIVER</t>
  </si>
  <si>
    <t>PIONEER CREEK</t>
  </si>
  <si>
    <t>BLACK WILLOW</t>
  </si>
  <si>
    <t>PRUNTY</t>
  </si>
  <si>
    <t>WILLOW BASIN</t>
  </si>
  <si>
    <t>BRUSH LAKE</t>
  </si>
  <si>
    <t>TAG</t>
  </si>
  <si>
    <t>726865-99999-1994.gz</t>
  </si>
  <si>
    <t>CORNISH</t>
  </si>
  <si>
    <t>BANTY</t>
  </si>
  <si>
    <t>PORPHYRY SOUTH</t>
  </si>
  <si>
    <t>725866-99999-1994.gz</t>
  </si>
  <si>
    <t>DRY CANYON 2</t>
  </si>
  <si>
    <t>EDGAR CANYON</t>
  </si>
  <si>
    <t>723820-23182-1994.gz</t>
  </si>
  <si>
    <t>722907-99999-1994.gz</t>
  </si>
  <si>
    <t>JACK #1</t>
  </si>
  <si>
    <t>SPECIMEN</t>
  </si>
  <si>
    <t>BARKLEY</t>
  </si>
  <si>
    <t>LUCAS #4</t>
  </si>
  <si>
    <t>725846-99999-1994.gz</t>
  </si>
  <si>
    <t>JORDAN SPRINGS</t>
  </si>
  <si>
    <t>POWDER</t>
  </si>
  <si>
    <t>WHITEFACE</t>
  </si>
  <si>
    <t>TWIN LAKES</t>
  </si>
  <si>
    <t>TYEE CREEK</t>
  </si>
  <si>
    <t>ROUND MTN</t>
  </si>
  <si>
    <t>HATCHERY CREEK</t>
  </si>
  <si>
    <t>COPPER BUTTE</t>
  </si>
  <si>
    <t>FISH DAY</t>
  </si>
  <si>
    <t>NIARADA</t>
  </si>
  <si>
    <t>MCDONALD</t>
  </si>
  <si>
    <t>LECLAIRE</t>
  </si>
  <si>
    <t>YEDLICK</t>
  </si>
  <si>
    <t>690330-99999-1994.gz</t>
  </si>
  <si>
    <t>LAKEBEDS</t>
  </si>
  <si>
    <t>BABY DEAN</t>
  </si>
  <si>
    <t>BLACK RIDG</t>
  </si>
  <si>
    <t>TOWERS-1</t>
  </si>
  <si>
    <t>701780-26529-1994.gz</t>
  </si>
  <si>
    <t>BTT S 49</t>
  </si>
  <si>
    <t>DCK SW 50</t>
  </si>
  <si>
    <t>BTT NE 26</t>
  </si>
  <si>
    <t>GAL SW 94</t>
  </si>
  <si>
    <t>TAL NE 33</t>
  </si>
  <si>
    <t>702350-99999-1994.gz</t>
  </si>
  <si>
    <t>702315-99999-1994.gz</t>
  </si>
  <si>
    <t>701793-99999-1994.gz</t>
  </si>
  <si>
    <t>GAL NE 38</t>
  </si>
  <si>
    <t>702675-99999-1994.gz</t>
  </si>
  <si>
    <t>FYU W 35</t>
  </si>
  <si>
    <t>701940-26413-1994.gz</t>
  </si>
  <si>
    <t>FYU E 76</t>
  </si>
  <si>
    <t>702674-99999-1994.gz</t>
  </si>
  <si>
    <t>WARM</t>
  </si>
  <si>
    <t>BRECKENRDG</t>
  </si>
  <si>
    <t>722895-99999-1994.gz</t>
  </si>
  <si>
    <t>HWY 41</t>
  </si>
  <si>
    <t>FORT PIUTE</t>
  </si>
  <si>
    <t>690150-93121-1994.gz</t>
  </si>
  <si>
    <t>TWO ROAD</t>
  </si>
  <si>
    <t>724765-99999-1994.gz</t>
  </si>
  <si>
    <t>WEST SPR.</t>
  </si>
  <si>
    <t>DEVILS CR.</t>
  </si>
  <si>
    <t>OTA 9</t>
  </si>
  <si>
    <t>POINT WELL</t>
  </si>
  <si>
    <t>725869-94186-1994.gz</t>
  </si>
  <si>
    <t>HAWLEY 2</t>
  </si>
  <si>
    <t>ELEVATOR</t>
  </si>
  <si>
    <t>BUTTE CITY</t>
  </si>
  <si>
    <t>725865-99999-1994.gz</t>
  </si>
  <si>
    <t>HALLELUJAH</t>
  </si>
  <si>
    <t>725847-99999-1994.gz</t>
  </si>
  <si>
    <t>LONE MTN</t>
  </si>
  <si>
    <t>GOOSE CRK</t>
  </si>
  <si>
    <t>WOODHILLS</t>
  </si>
  <si>
    <t>GREGERSON</t>
  </si>
  <si>
    <t>690170-99999-1994.gz</t>
  </si>
  <si>
    <t>PORPHYRY</t>
  </si>
  <si>
    <t>OSCURA</t>
  </si>
  <si>
    <t>HAT</t>
  </si>
  <si>
    <t>LOVELACE</t>
  </si>
  <si>
    <t>SHEARING</t>
  </si>
  <si>
    <t>EPPERS</t>
  </si>
  <si>
    <t>FERRYCANYN</t>
  </si>
  <si>
    <t>SMITHCANYN</t>
  </si>
  <si>
    <t>LITTLFERRY</t>
  </si>
  <si>
    <t>HORN BUTTE</t>
  </si>
  <si>
    <t>THIRTYMILE</t>
  </si>
  <si>
    <t>SWAMP CRK</t>
  </si>
  <si>
    <t>IRONSIDE</t>
  </si>
  <si>
    <t>MILFORDBEN</t>
  </si>
  <si>
    <t>BITTCRCOMP</t>
  </si>
  <si>
    <t>ANTELOPEMT</t>
  </si>
  <si>
    <t>WHITEROCKS</t>
  </si>
  <si>
    <t>SIMPSON BT</t>
  </si>
  <si>
    <t>DAVIS MTN</t>
  </si>
  <si>
    <t>ROUND TOP</t>
  </si>
  <si>
    <t>POSTHOLLOW</t>
  </si>
  <si>
    <t>E HARKER</t>
  </si>
  <si>
    <t>REILLY CNY</t>
  </si>
  <si>
    <t>COLDCREEK</t>
  </si>
  <si>
    <t>727840-99999-1994.gz</t>
  </si>
  <si>
    <t>ELLEMHAN</t>
  </si>
  <si>
    <t>BARREL SPR</t>
  </si>
  <si>
    <t>ADAIR #2</t>
  </si>
  <si>
    <t>STARVATION CREEK</t>
  </si>
  <si>
    <t>ESTUFA</t>
  </si>
  <si>
    <t>747300-99999-1994.gz</t>
  </si>
  <si>
    <t>WESTEX</t>
  </si>
  <si>
    <t>722640-93035-1994.gz</t>
  </si>
  <si>
    <t>MARCUS</t>
  </si>
  <si>
    <t>TERN</t>
  </si>
  <si>
    <t>SYLVIA</t>
  </si>
  <si>
    <t>724517-99999-1994.gz</t>
  </si>
  <si>
    <t>CK CREEK</t>
  </si>
  <si>
    <t>CHICAGOLAK</t>
  </si>
  <si>
    <t>SEEHORN 94</t>
  </si>
  <si>
    <t>CENTRAL P</t>
  </si>
  <si>
    <t>723550-13945-1994.gz</t>
  </si>
  <si>
    <t>UNIT3ARSON</t>
  </si>
  <si>
    <t>UNIT1ARSON</t>
  </si>
  <si>
    <t>UNIT6ARSON</t>
  </si>
  <si>
    <t>994260-99999-1994.gz</t>
  </si>
  <si>
    <t>GRIERSON</t>
  </si>
  <si>
    <t>CUNNINGHAM</t>
  </si>
  <si>
    <t>FIRST CREEK</t>
  </si>
  <si>
    <t>FLAT COMPLEX</t>
  </si>
  <si>
    <t>RELAPSE</t>
  </si>
  <si>
    <t>GABLE</t>
  </si>
  <si>
    <t>HANSEL VALLLEY MT.</t>
  </si>
  <si>
    <t>JOHNSON CANYON</t>
  </si>
  <si>
    <t>WEST HILLS</t>
  </si>
  <si>
    <t>ORACLE</t>
  </si>
  <si>
    <t>HOLYLAND</t>
  </si>
  <si>
    <t>AREA 2</t>
  </si>
  <si>
    <t xml:space="preserve">BROWNS                   </t>
  </si>
  <si>
    <t>SCISSORSVILLE BRANCH</t>
  </si>
  <si>
    <t>723565-99999-1994.gz</t>
  </si>
  <si>
    <t>724556-13989-1994.gz</t>
  </si>
  <si>
    <t>724509-99999-1994.gz</t>
  </si>
  <si>
    <t>KING COUNTY FIRE</t>
  </si>
  <si>
    <t>725555-99999-1995.gz</t>
  </si>
  <si>
    <t>W/S</t>
  </si>
  <si>
    <t>BONNER</t>
  </si>
  <si>
    <t>SPRITE</t>
  </si>
  <si>
    <t>722720-93063-1995.gz</t>
  </si>
  <si>
    <t>H.B.</t>
  </si>
  <si>
    <t>Q-BALL</t>
  </si>
  <si>
    <t>SQUAW</t>
  </si>
  <si>
    <t>BATTLE CREEK</t>
  </si>
  <si>
    <t>725825-24121-1995.gz</t>
  </si>
  <si>
    <t>TERRA</t>
  </si>
  <si>
    <t>725750-24126-1995.gz</t>
  </si>
  <si>
    <t>EL MONTE</t>
  </si>
  <si>
    <t>VERBENIA</t>
  </si>
  <si>
    <t>TERRAPIN CREEK</t>
  </si>
  <si>
    <t>SAG CORRIDOR</t>
  </si>
  <si>
    <t>LITTLE GABBRO</t>
  </si>
  <si>
    <t>R92</t>
  </si>
  <si>
    <t>MONTEZUMA</t>
  </si>
  <si>
    <t>722788-99999-1995.gz</t>
  </si>
  <si>
    <t>CHUICHU02</t>
  </si>
  <si>
    <t>701730-99999-1995.gz</t>
  </si>
  <si>
    <t>LIV E 19</t>
  </si>
  <si>
    <t>MUD MTN</t>
  </si>
  <si>
    <t>NEVERSHINE</t>
  </si>
  <si>
    <t>TASTEFULL</t>
  </si>
  <si>
    <t>STOVE</t>
  </si>
  <si>
    <t>WHITECANYO</t>
  </si>
  <si>
    <t>TOWERII</t>
  </si>
  <si>
    <t>SENATORII</t>
  </si>
  <si>
    <t>JOESHILL</t>
  </si>
  <si>
    <t>ICEHOUSE</t>
  </si>
  <si>
    <t>PEORIA</t>
  </si>
  <si>
    <t>MIDWAY</t>
  </si>
  <si>
    <t>DAWSON</t>
  </si>
  <si>
    <t>INITIAL PT</t>
  </si>
  <si>
    <t>POT HOLE</t>
  </si>
  <si>
    <t>TUANA</t>
  </si>
  <si>
    <t>S. CLOVER</t>
  </si>
  <si>
    <t>INSIDE DES</t>
  </si>
  <si>
    <t>725827-99999-1995.gz</t>
  </si>
  <si>
    <t>CASSIAGLCH</t>
  </si>
  <si>
    <t>BLUE GULCH</t>
  </si>
  <si>
    <t>SIGNALBUT.</t>
  </si>
  <si>
    <t>725865-99999-1995.gz</t>
  </si>
  <si>
    <t>725868-99999-1995.gz</t>
  </si>
  <si>
    <t>INDIANALOT</t>
  </si>
  <si>
    <t>WALCOTT</t>
  </si>
  <si>
    <t>GRANT COUL</t>
  </si>
  <si>
    <t>727680-94008-1995.gz</t>
  </si>
  <si>
    <t>FRENCHIE1</t>
  </si>
  <si>
    <t>725835-24119-1995.gz</t>
  </si>
  <si>
    <t>DANN</t>
  </si>
  <si>
    <t>IZEN</t>
  </si>
  <si>
    <t>DOENTS1</t>
  </si>
  <si>
    <t>JUPITER</t>
  </si>
  <si>
    <t>BARBER CYN</t>
  </si>
  <si>
    <t>CINDERBTTE</t>
  </si>
  <si>
    <t>INDIAN FT</t>
  </si>
  <si>
    <t>BATTLE CR</t>
  </si>
  <si>
    <t>MILFORDPAS</t>
  </si>
  <si>
    <t>CEDAR POCK</t>
  </si>
  <si>
    <t>LAVA RIDGE</t>
  </si>
  <si>
    <t>STANSBURY</t>
  </si>
  <si>
    <t>PUDDLE VLY</t>
  </si>
  <si>
    <t>REDLAM</t>
  </si>
  <si>
    <t>DUGWAY 3</t>
  </si>
  <si>
    <t>COVINGTON</t>
  </si>
  <si>
    <t>690150-93121-1995.gz</t>
  </si>
  <si>
    <t>VISION</t>
  </si>
  <si>
    <t>724995-99999-1995.gz</t>
  </si>
  <si>
    <t>E112</t>
  </si>
  <si>
    <t>WEST SIDE</t>
  </si>
  <si>
    <t>MCRNORTH</t>
  </si>
  <si>
    <t>723525-93986-1995.gz</t>
  </si>
  <si>
    <t>MCFWEST3</t>
  </si>
  <si>
    <t>GREENWOOD STATE FOREST</t>
  </si>
  <si>
    <t>RIO</t>
  </si>
  <si>
    <t>LOCAMOTIVE EAST</t>
  </si>
  <si>
    <t>CAMP WILLIAMS</t>
  </si>
  <si>
    <t>994170-99999-1995.gz</t>
  </si>
  <si>
    <t>994460-99999-1995.gz</t>
  </si>
  <si>
    <t>MINTO FLATS</t>
  </si>
  <si>
    <t>702600-26435-1995.gz</t>
  </si>
  <si>
    <t>724504-99999-1995.gz</t>
  </si>
  <si>
    <t>725620-24023-1995.gz</t>
  </si>
  <si>
    <t>725566-99999-1995.gz</t>
  </si>
  <si>
    <t>CR 359 FIRE</t>
  </si>
  <si>
    <t>723520-13902-1995.gz</t>
  </si>
  <si>
    <t>CLARK PEAK</t>
  </si>
  <si>
    <t>PINATOSA</t>
  </si>
  <si>
    <t>DAMON/LONG</t>
  </si>
  <si>
    <t>LONE</t>
  </si>
  <si>
    <t>BELLI</t>
  </si>
  <si>
    <t>DALTON 3</t>
  </si>
  <si>
    <t>HENRY'S</t>
  </si>
  <si>
    <t>MURPHY RIDGE</t>
  </si>
  <si>
    <t>RACER</t>
  </si>
  <si>
    <t>STOCKWELL</t>
  </si>
  <si>
    <t>SMILEY</t>
  </si>
  <si>
    <t>725825-24121-1996.gz</t>
  </si>
  <si>
    <t>JEFFERSON 0482</t>
  </si>
  <si>
    <t>727833-99999-1996.gz</t>
  </si>
  <si>
    <t>DISAPPOINTMENT</t>
  </si>
  <si>
    <t>BIG BRUIN/PNF</t>
  </si>
  <si>
    <t>FAYETTE</t>
  </si>
  <si>
    <t>SWET CREEK</t>
  </si>
  <si>
    <t>MAJOR 1</t>
  </si>
  <si>
    <t>EVAN'S WEST 1321</t>
  </si>
  <si>
    <t>BRIDGER KNOLL</t>
  </si>
  <si>
    <t>JUMP</t>
  </si>
  <si>
    <t>WHEELER POINT</t>
  </si>
  <si>
    <t>CHARLTON</t>
  </si>
  <si>
    <t>WARRIORS FACE</t>
  </si>
  <si>
    <t>SOUTH TEMPERANCE</t>
  </si>
  <si>
    <t>WHITEFEATHER LAKE</t>
  </si>
  <si>
    <t>727459-99999-1996.gz</t>
  </si>
  <si>
    <t>HOCKDERFFER</t>
  </si>
  <si>
    <t>ELBOW BASIN</t>
  </si>
  <si>
    <t>POLE CREEK</t>
  </si>
  <si>
    <t>SHEPARD MTN</t>
  </si>
  <si>
    <t>724635-23067-1996.gz</t>
  </si>
  <si>
    <t>MADDALENA</t>
  </si>
  <si>
    <t>725846-99999-1996.gz</t>
  </si>
  <si>
    <t>DOME</t>
  </si>
  <si>
    <t>EIGHTH STREET</t>
  </si>
  <si>
    <t>ACKERSON</t>
  </si>
  <si>
    <t>COYOTE PNF</t>
  </si>
  <si>
    <t>726764-99999-1996.gz</t>
  </si>
  <si>
    <t>UPLAND ISLAND</t>
  </si>
  <si>
    <t>TRIMMER 2</t>
  </si>
  <si>
    <t>ADELAIDE</t>
  </si>
  <si>
    <t>ALDERRIDGE</t>
  </si>
  <si>
    <t>725895-94236-1996.gz</t>
  </si>
  <si>
    <t>723926-99999-1996.gz</t>
  </si>
  <si>
    <t>BEE #2</t>
  </si>
  <si>
    <t>WILD</t>
  </si>
  <si>
    <t>SUR</t>
  </si>
  <si>
    <t>SPRINGER</t>
  </si>
  <si>
    <t>ALLENTOWN5</t>
  </si>
  <si>
    <t>723627-23081-1996.gz</t>
  </si>
  <si>
    <t>SIMNASHO</t>
  </si>
  <si>
    <t>TIMBERLINE</t>
  </si>
  <si>
    <t>SHARPSFIRE</t>
  </si>
  <si>
    <t>CHINO WELL</t>
  </si>
  <si>
    <t>WHITESPRG</t>
  </si>
  <si>
    <t>PETAN/DRY</t>
  </si>
  <si>
    <t>HILLBILLY</t>
  </si>
  <si>
    <t>631305 STE</t>
  </si>
  <si>
    <t>701793-99999-1996.gz</t>
  </si>
  <si>
    <t>601351MILL</t>
  </si>
  <si>
    <t>702595-99999-1996.gz</t>
  </si>
  <si>
    <t>WINDY CREE</t>
  </si>
  <si>
    <t>631460  BI</t>
  </si>
  <si>
    <t>702674-99999-1996.gz</t>
  </si>
  <si>
    <t>703407-99999-1996.gz</t>
  </si>
  <si>
    <t>701795-99999-1996.gz</t>
  </si>
  <si>
    <t>701780-26529-1996.gz</t>
  </si>
  <si>
    <t>SLED ROADS</t>
  </si>
  <si>
    <t>HOCHANDOCT</t>
  </si>
  <si>
    <t>701730-99999-1996.gz</t>
  </si>
  <si>
    <t>CIRC MOUNT</t>
  </si>
  <si>
    <t>DAVID CREE</t>
  </si>
  <si>
    <t>701940-26413-1996.gz</t>
  </si>
  <si>
    <t>SETHKOKNA</t>
  </si>
  <si>
    <t>DEADMAN IS</t>
  </si>
  <si>
    <t>42 MILE CR</t>
  </si>
  <si>
    <t>701748-99999-1996.gz</t>
  </si>
  <si>
    <t>YELLOW CRE</t>
  </si>
  <si>
    <t>631588 ANT</t>
  </si>
  <si>
    <t>SLENDER SM</t>
  </si>
  <si>
    <t>SKYLINE</t>
  </si>
  <si>
    <t>PANOCHE II</t>
  </si>
  <si>
    <t>HWY 33 II</t>
  </si>
  <si>
    <t>MESA CMPLX</t>
  </si>
  <si>
    <t>MERCY</t>
  </si>
  <si>
    <t>GILBRETH</t>
  </si>
  <si>
    <t>BASE LINE</t>
  </si>
  <si>
    <t>ROGGE</t>
  </si>
  <si>
    <t>KAWEAH</t>
  </si>
  <si>
    <t>BANOS</t>
  </si>
  <si>
    <t>723816-03159-1996.gz</t>
  </si>
  <si>
    <t>WOLFSKILL</t>
  </si>
  <si>
    <t>O'PINION</t>
  </si>
  <si>
    <t>HATCHET</t>
  </si>
  <si>
    <t>725717-99999-1996.gz</t>
  </si>
  <si>
    <t>SINKERBUTT</t>
  </si>
  <si>
    <t>NOTCHBUTTE</t>
  </si>
  <si>
    <t>BROWNSGLCH</t>
  </si>
  <si>
    <t>COYOTEBT.</t>
  </si>
  <si>
    <t>YOTE BUTTE</t>
  </si>
  <si>
    <t>APPLEVALLE</t>
  </si>
  <si>
    <t>3 CR. WELL</t>
  </si>
  <si>
    <t>CRANEFALLS</t>
  </si>
  <si>
    <t>KUNA</t>
  </si>
  <si>
    <t>OTA 18</t>
  </si>
  <si>
    <t>OTA 21</t>
  </si>
  <si>
    <t>INEL#5</t>
  </si>
  <si>
    <t>MABEY</t>
  </si>
  <si>
    <t>COX'S WELL</t>
  </si>
  <si>
    <t>MULEBUTTE1</t>
  </si>
  <si>
    <t>MULEBUTTE2</t>
  </si>
  <si>
    <t>RICHFIELDS</t>
  </si>
  <si>
    <t>LAKEWALCOT</t>
  </si>
  <si>
    <t>ELBA</t>
  </si>
  <si>
    <t>NORTH WAPI</t>
  </si>
  <si>
    <t>NWENDELL</t>
  </si>
  <si>
    <t>TIP TOP</t>
  </si>
  <si>
    <t>ROSBUD CK</t>
  </si>
  <si>
    <t>FT. KEOGH</t>
  </si>
  <si>
    <t>SLAVEN II</t>
  </si>
  <si>
    <t>DESERTPEAK</t>
  </si>
  <si>
    <t>724885-93102-1996.gz</t>
  </si>
  <si>
    <t>SHEEP#1</t>
  </si>
  <si>
    <t>DIVISION</t>
  </si>
  <si>
    <t>GOLDQUARRY</t>
  </si>
  <si>
    <t>TUNNEL</t>
  </si>
  <si>
    <t>SUSIE</t>
  </si>
  <si>
    <t>BOBS FLAT</t>
  </si>
  <si>
    <t>UP BOULDER</t>
  </si>
  <si>
    <t>FRENCHIE</t>
  </si>
  <si>
    <t>MAYNARD</t>
  </si>
  <si>
    <t>690170-99999-1996.gz</t>
  </si>
  <si>
    <t>SHOEMAKE</t>
  </si>
  <si>
    <t>SILVER STA</t>
  </si>
  <si>
    <t>FLAT CR.</t>
  </si>
  <si>
    <t>LITTLEVALL</t>
  </si>
  <si>
    <t>KINGS 2</t>
  </si>
  <si>
    <t>GETCHELL</t>
  </si>
  <si>
    <t>DUTCH FLAT</t>
  </si>
  <si>
    <t>N CHIMNEY</t>
  </si>
  <si>
    <t>2 FORKS</t>
  </si>
  <si>
    <t>WMCAMT3</t>
  </si>
  <si>
    <t>SPAULDING2</t>
  </si>
  <si>
    <t>ARCHULETA</t>
  </si>
  <si>
    <t>BURNT FLAT</t>
  </si>
  <si>
    <t>SKULL CR</t>
  </si>
  <si>
    <t>ROCKY FORD</t>
  </si>
  <si>
    <t>BUZZARD</t>
  </si>
  <si>
    <t>725896-99999-1996.gz</t>
  </si>
  <si>
    <t>KIGER CR</t>
  </si>
  <si>
    <t>BOGUS CR</t>
  </si>
  <si>
    <t>CEDAR MT</t>
  </si>
  <si>
    <t>BRN BT 2</t>
  </si>
  <si>
    <t>LIT OWYHEE</t>
  </si>
  <si>
    <t>CHINA GU</t>
  </si>
  <si>
    <t>HONEY BOY</t>
  </si>
  <si>
    <t>LTL SAHARA</t>
  </si>
  <si>
    <t>EIGHTMILE</t>
  </si>
  <si>
    <t>CHERRY CK</t>
  </si>
  <si>
    <t>LEAMINGTON</t>
  </si>
  <si>
    <t>ERICCOMPLX</t>
  </si>
  <si>
    <t>EAST SAGE</t>
  </si>
  <si>
    <t>FRISCOPEAK</t>
  </si>
  <si>
    <t>SARAH</t>
  </si>
  <si>
    <t>SOLDIER PS</t>
  </si>
  <si>
    <t>SHEEP ROCK</t>
  </si>
  <si>
    <t>SILVERHILL</t>
  </si>
  <si>
    <t>DAVIS KNOL</t>
  </si>
  <si>
    <t>GOSHUTE</t>
  </si>
  <si>
    <t>CAMP FLOYD</t>
  </si>
  <si>
    <t>TEDDY BEAR</t>
  </si>
  <si>
    <t>SOUTH DUGW</t>
  </si>
  <si>
    <t>DEATH RDG</t>
  </si>
  <si>
    <t>TABBY MTN</t>
  </si>
  <si>
    <t>ELEPHANT 2</t>
  </si>
  <si>
    <t>727845-24163-1996.gz</t>
  </si>
  <si>
    <t>QUINCY</t>
  </si>
  <si>
    <t>COLD CREEK</t>
  </si>
  <si>
    <t>727840-99999-1996.gz</t>
  </si>
  <si>
    <t>GEARY D. 2</t>
  </si>
  <si>
    <t>HEPP</t>
  </si>
  <si>
    <t>BONER</t>
  </si>
  <si>
    <t>CEDAR RIDG</t>
  </si>
  <si>
    <t>EBLACK MTN</t>
  </si>
  <si>
    <t>NBROKENBAC</t>
  </si>
  <si>
    <t>CHAPIN 5</t>
  </si>
  <si>
    <t>POTTER 1</t>
  </si>
  <si>
    <t>BIG ARROYO</t>
  </si>
  <si>
    <t>722954-99999-1996.gz</t>
  </si>
  <si>
    <t>BLOCK B</t>
  </si>
  <si>
    <t>CARD SOUND</t>
  </si>
  <si>
    <t>OTAY322</t>
  </si>
  <si>
    <t>GATTON</t>
  </si>
  <si>
    <t>724517-99999-1996.gz</t>
  </si>
  <si>
    <t>ALKALIE</t>
  </si>
  <si>
    <t>SAN PEDRO</t>
  </si>
  <si>
    <t>CATNIP</t>
  </si>
  <si>
    <t>DOVER RANCH</t>
  </si>
  <si>
    <t>POWDERVILLE</t>
  </si>
  <si>
    <t>723600-23051-1996.gz</t>
  </si>
  <si>
    <t>ULIBARRI</t>
  </si>
  <si>
    <t>CAPROCK</t>
  </si>
  <si>
    <t>UBAR</t>
  </si>
  <si>
    <t>BOULDER SUMMIT</t>
  </si>
  <si>
    <t>994170-99999-1996.gz</t>
  </si>
  <si>
    <t xml:space="preserve">LIGHTNING # 29           </t>
  </si>
  <si>
    <t>723565-99999-1996.gz</t>
  </si>
  <si>
    <t>745431-99999-1996.gz</t>
  </si>
  <si>
    <t>724585-93997-1996.gz</t>
  </si>
  <si>
    <t>724556-13989-1996.gz</t>
  </si>
  <si>
    <t>724516-99999-1996.gz</t>
  </si>
  <si>
    <t>724565-13920-1996.gz</t>
  </si>
  <si>
    <t>HENRIETTA FIRE</t>
  </si>
  <si>
    <t>HIGHWAY 70 FIRE</t>
  </si>
  <si>
    <t>TRIANGLE FIRE</t>
  </si>
  <si>
    <t>NORTH MEMPHIS</t>
  </si>
  <si>
    <t>THEDFORD</t>
  </si>
  <si>
    <t>725555-99999-1997.gz</t>
  </si>
  <si>
    <t>CHOKE</t>
  </si>
  <si>
    <t>724800-23157-1997.gz</t>
  </si>
  <si>
    <t>030 KISATCHIE HILLS</t>
  </si>
  <si>
    <t>LILLY</t>
  </si>
  <si>
    <t>690140-93101-1997.gz</t>
  </si>
  <si>
    <t>JACKS</t>
  </si>
  <si>
    <t>CANYON 2</t>
  </si>
  <si>
    <t>747043-99999-1997.gz</t>
  </si>
  <si>
    <t>722890-93136-1997.gz</t>
  </si>
  <si>
    <t>HEMLOCK</t>
  </si>
  <si>
    <t>MOSER BAY</t>
  </si>
  <si>
    <t>DR. BEAVER</t>
  </si>
  <si>
    <t>702315-99999-1997.gz</t>
  </si>
  <si>
    <t>SIMELS 732</t>
  </si>
  <si>
    <t>KOKHILA HI</t>
  </si>
  <si>
    <t>MAGITCHLIE</t>
  </si>
  <si>
    <t>MUD FIRE 7</t>
  </si>
  <si>
    <t>701740-26533-1997.gz</t>
  </si>
  <si>
    <t>TOUGH/7043</t>
  </si>
  <si>
    <t>702350-99999-1997.gz</t>
  </si>
  <si>
    <t>INOWAK</t>
  </si>
  <si>
    <t>HAWK RIVER</t>
  </si>
  <si>
    <t>702075-99999-1997.gz</t>
  </si>
  <si>
    <t>GEORGE RIV</t>
  </si>
  <si>
    <t>703407-99999-1997.gz</t>
  </si>
  <si>
    <t>FORAKER</t>
  </si>
  <si>
    <t>702606-99999-1997.gz</t>
  </si>
  <si>
    <t>REED RIVER</t>
  </si>
  <si>
    <t>702674-99999-1997.gz</t>
  </si>
  <si>
    <t>ROKETALOI</t>
  </si>
  <si>
    <t>LOCKWOOD 7</t>
  </si>
  <si>
    <t>BREAST/704</t>
  </si>
  <si>
    <t>CHINIKLIK</t>
  </si>
  <si>
    <t>MANY LAKES</t>
  </si>
  <si>
    <t>PEACE RIVE</t>
  </si>
  <si>
    <t>SOONKAKAT</t>
  </si>
  <si>
    <t>COTTONWD 2</t>
  </si>
  <si>
    <t>LOKERN</t>
  </si>
  <si>
    <t>MIDWAY CPX</t>
  </si>
  <si>
    <t>CHOCKTAW</t>
  </si>
  <si>
    <t>724837-93216-1997.gz</t>
  </si>
  <si>
    <t>SEWEMUP</t>
  </si>
  <si>
    <t>HIGHWAY55</t>
  </si>
  <si>
    <t>TOLBERT</t>
  </si>
  <si>
    <t>724885-93102-1997.gz</t>
  </si>
  <si>
    <t>SENTINEL</t>
  </si>
  <si>
    <t>WARRIOR</t>
  </si>
  <si>
    <t>725805-24172-1997.gz</t>
  </si>
  <si>
    <t>3 SPRINGS</t>
  </si>
  <si>
    <t>POWWAHKEE</t>
  </si>
  <si>
    <t>OLYMPIA ST</t>
  </si>
  <si>
    <t>727845-24163-1997.gz</t>
  </si>
  <si>
    <t>DEWEY 2</t>
  </si>
  <si>
    <t>BUOY LINE</t>
  </si>
  <si>
    <t>724516-99999-1997.gz</t>
  </si>
  <si>
    <t>GRIT ROAD</t>
  </si>
  <si>
    <t>CORFU</t>
  </si>
  <si>
    <t>727840-99999-1997.gz</t>
  </si>
  <si>
    <t>GARITA</t>
  </si>
  <si>
    <t>PEREZ</t>
  </si>
  <si>
    <t>RINKER</t>
  </si>
  <si>
    <t>CR-50</t>
  </si>
  <si>
    <t>COGSWELL POINT</t>
  </si>
  <si>
    <t>994170-99999-1997.gz</t>
  </si>
  <si>
    <t>RESCUE</t>
  </si>
  <si>
    <t>OH NO FIRE</t>
  </si>
  <si>
    <t>732621 GAR</t>
  </si>
  <si>
    <t xml:space="preserve">FERNANDEZ                </t>
  </si>
  <si>
    <t>724510-13985-1997.gz</t>
  </si>
  <si>
    <t>724650-23065-1997.gz</t>
  </si>
  <si>
    <t>THROCKMORTON</t>
  </si>
  <si>
    <t>690190-13910-1997.gz</t>
  </si>
  <si>
    <t>CANADIAN FIRE</t>
  </si>
  <si>
    <t>ARCTIC CREEK</t>
  </si>
  <si>
    <t>ROCK RABBIT</t>
  </si>
  <si>
    <t>BS</t>
  </si>
  <si>
    <t>GYPSY</t>
  </si>
  <si>
    <t>SHEEPEATER</t>
  </si>
  <si>
    <t>SCHOFIELD</t>
  </si>
  <si>
    <t>RAINIER CREEK</t>
  </si>
  <si>
    <t>NORTH 25 MILE</t>
  </si>
  <si>
    <t>727825-99999-1998.gz</t>
  </si>
  <si>
    <t>OGILVY</t>
  </si>
  <si>
    <t>BOWL MTN.</t>
  </si>
  <si>
    <t>NORTH RYE</t>
  </si>
  <si>
    <t>BOYER</t>
  </si>
  <si>
    <t>EDNA</t>
  </si>
  <si>
    <t>SHALLOW</t>
  </si>
  <si>
    <t>CHALLENGE</t>
  </si>
  <si>
    <t>CHEAHA WILDERNESS</t>
  </si>
  <si>
    <t>AVERY</t>
  </si>
  <si>
    <t>726988-24219-1998.gz</t>
  </si>
  <si>
    <t>RL3</t>
  </si>
  <si>
    <t>ROCK BLUFF</t>
  </si>
  <si>
    <t>JOJO#3</t>
  </si>
  <si>
    <t>CARLA LAKE</t>
  </si>
  <si>
    <t>SLOW FORK</t>
  </si>
  <si>
    <t>BRECK</t>
  </si>
  <si>
    <t>PIRU</t>
  </si>
  <si>
    <t>722975-93106-1998.gz</t>
  </si>
  <si>
    <t>LNU MIDDLE</t>
  </si>
  <si>
    <t>TILDEN #2</t>
  </si>
  <si>
    <t>724503-99999-1998.gz</t>
  </si>
  <si>
    <t>EAGLE #2</t>
  </si>
  <si>
    <t>POCATELLO</t>
  </si>
  <si>
    <t>SANDBURN</t>
  </si>
  <si>
    <t>727684-99999-1998.gz</t>
  </si>
  <si>
    <t>726777-99999-1998.gz</t>
  </si>
  <si>
    <t>BIA7</t>
  </si>
  <si>
    <t>BOULDER V</t>
  </si>
  <si>
    <t>MM272</t>
  </si>
  <si>
    <t>725825-24121-1998.gz</t>
  </si>
  <si>
    <t>BLACK MTN</t>
  </si>
  <si>
    <t>725810-24193-1998.gz</t>
  </si>
  <si>
    <t>BOYD II</t>
  </si>
  <si>
    <t>725830-24128-1998.gz</t>
  </si>
  <si>
    <t>SPAULDING</t>
  </si>
  <si>
    <t>THE BUTTES</t>
  </si>
  <si>
    <t>SOUTH TUB</t>
  </si>
  <si>
    <t>PAHCOON</t>
  </si>
  <si>
    <t>MINERSVILE</t>
  </si>
  <si>
    <t>FAUST</t>
  </si>
  <si>
    <t>TEKOI</t>
  </si>
  <si>
    <t>TOPLIFF</t>
  </si>
  <si>
    <t>MUDDYCYN</t>
  </si>
  <si>
    <t>SADDLE MTN</t>
  </si>
  <si>
    <t>727827-24110-1998.gz</t>
  </si>
  <si>
    <t>VIEW PT</t>
  </si>
  <si>
    <t>TOKIO</t>
  </si>
  <si>
    <t>727855-24114-1998.gz</t>
  </si>
  <si>
    <t>NR COMPLEX</t>
  </si>
  <si>
    <t>MCDONALD CREEK</t>
  </si>
  <si>
    <t>FRITCH2</t>
  </si>
  <si>
    <t>723630-23047-1998.gz</t>
  </si>
  <si>
    <t>PALO DORO</t>
  </si>
  <si>
    <t>HONEYSCRUB</t>
  </si>
  <si>
    <t>HERMAN RDG</t>
  </si>
  <si>
    <t>TNC</t>
  </si>
  <si>
    <t>SKULLCK</t>
  </si>
  <si>
    <t>726875-94107-1998.gz</t>
  </si>
  <si>
    <t>ELKMEADOW</t>
  </si>
  <si>
    <t>WALKER FORK</t>
  </si>
  <si>
    <t>GARDINER CREEK</t>
  </si>
  <si>
    <t>702915-99999-1998.gz</t>
  </si>
  <si>
    <t>BURNT SHED</t>
  </si>
  <si>
    <t>HYLONESOME</t>
  </si>
  <si>
    <t>BEARD</t>
  </si>
  <si>
    <t>HEATHER</t>
  </si>
  <si>
    <t>VIALIANT</t>
  </si>
  <si>
    <t>ROAD 3</t>
  </si>
  <si>
    <t>RODEO ROAD</t>
  </si>
  <si>
    <t>SHUNTZ ROAD</t>
  </si>
  <si>
    <t>WARE FIRE</t>
  </si>
  <si>
    <t>SWAMO DEER RUN</t>
  </si>
  <si>
    <t>27 FIRE</t>
  </si>
  <si>
    <t>994170-99999-1998.gz</t>
  </si>
  <si>
    <t>722024-99999-1998.gz</t>
  </si>
  <si>
    <t>SWIFT CREEK</t>
  </si>
  <si>
    <t xml:space="preserve">STATE (WEIRICK FIRE)     </t>
  </si>
  <si>
    <t>PUMP JACK</t>
  </si>
  <si>
    <t>FY1998-CHARLTON-049</t>
  </si>
  <si>
    <t>PADUCAH FIRE</t>
  </si>
  <si>
    <t>723520-13902-1998.gz</t>
  </si>
  <si>
    <t>911904-99999-1998.gz</t>
  </si>
  <si>
    <t>911905-99999-1998.gz</t>
  </si>
  <si>
    <t>PILOT</t>
  </si>
  <si>
    <t>LODGEPOLE</t>
  </si>
  <si>
    <t>LITTLE RAMEY</t>
  </si>
  <si>
    <t>COW HOUSE</t>
  </si>
  <si>
    <t>SELLEM/USFS#5</t>
  </si>
  <si>
    <t>725824-99999-1999.gz</t>
  </si>
  <si>
    <t>LAGUNA_100</t>
  </si>
  <si>
    <t>JACKASS</t>
  </si>
  <si>
    <t>BOHEMOTASH</t>
  </si>
  <si>
    <t>HIGH</t>
  </si>
  <si>
    <t>MEGRAM</t>
  </si>
  <si>
    <t>TROUT CREEK II</t>
  </si>
  <si>
    <t>TASSAJARA</t>
  </si>
  <si>
    <t>HARE</t>
  </si>
  <si>
    <t>DEHAVEN</t>
  </si>
  <si>
    <t>WEST MOUNTAIN 2</t>
  </si>
  <si>
    <t>725724-99999-1999.gz</t>
  </si>
  <si>
    <t>HORTON_2</t>
  </si>
  <si>
    <t>724880-23185-1999.gz</t>
  </si>
  <si>
    <t>PIEGEON</t>
  </si>
  <si>
    <t>MIXING</t>
  </si>
  <si>
    <t>NORTON CREEK</t>
  </si>
  <si>
    <t>725686-99999-1999.gz</t>
  </si>
  <si>
    <t>LA JARA</t>
  </si>
  <si>
    <t>BURNOUT</t>
  </si>
  <si>
    <t>HELLSGALE</t>
  </si>
  <si>
    <t>RAINBO QUR</t>
  </si>
  <si>
    <t>HEHE FIRE</t>
  </si>
  <si>
    <t>DONNELLY F</t>
  </si>
  <si>
    <t>702675-99999-1999.gz</t>
  </si>
  <si>
    <t>HODZANA</t>
  </si>
  <si>
    <t>DENNISON</t>
  </si>
  <si>
    <t>702915-99999-1999.gz</t>
  </si>
  <si>
    <t>702615-99999-1999.gz</t>
  </si>
  <si>
    <t>BEVERLY</t>
  </si>
  <si>
    <t>UPPERWESTF</t>
  </si>
  <si>
    <t>WITCH</t>
  </si>
  <si>
    <t>KINK</t>
  </si>
  <si>
    <t>701793-99999-1999.gz</t>
  </si>
  <si>
    <t>PINGO</t>
  </si>
  <si>
    <t>KOCACHO</t>
  </si>
  <si>
    <t>BEAVER CRE</t>
  </si>
  <si>
    <t>TETTHAJIK</t>
  </si>
  <si>
    <t>702674-99999-1999.gz</t>
  </si>
  <si>
    <t>WOOD RIVER</t>
  </si>
  <si>
    <t>KEVINJIK</t>
  </si>
  <si>
    <t>UVGOON2</t>
  </si>
  <si>
    <t>MELOZI MOR</t>
  </si>
  <si>
    <t>TOLOVANA</t>
  </si>
  <si>
    <t>PAH FLATS</t>
  </si>
  <si>
    <t>702225-99999-1999.gz</t>
  </si>
  <si>
    <t>ROUNDABOUT</t>
  </si>
  <si>
    <t>FT HAMLIN</t>
  </si>
  <si>
    <t>N FORK DAG</t>
  </si>
  <si>
    <t>JUMPSPRING</t>
  </si>
  <si>
    <t>HARCUVAR</t>
  </si>
  <si>
    <t>723820-23182-1999.gz</t>
  </si>
  <si>
    <t>RAVE</t>
  </si>
  <si>
    <t>INKS</t>
  </si>
  <si>
    <t>LNU SIXTEE</t>
  </si>
  <si>
    <t>724838-99999-1999.gz</t>
  </si>
  <si>
    <t>DOE</t>
  </si>
  <si>
    <t>BROKE WAGO</t>
  </si>
  <si>
    <t>MIDBUTTE 1</t>
  </si>
  <si>
    <t>725827-99999-1999.gz</t>
  </si>
  <si>
    <t>EAST SLICK</t>
  </si>
  <si>
    <t>IMPACT SE</t>
  </si>
  <si>
    <t>MULE BUTTE</t>
  </si>
  <si>
    <t>WHISKEYBT</t>
  </si>
  <si>
    <t>WEDGEBUTTE</t>
  </si>
  <si>
    <t>WILSONGUL</t>
  </si>
  <si>
    <t>MALLARDLK</t>
  </si>
  <si>
    <t>FISHEL CRK</t>
  </si>
  <si>
    <t>HORSE THIE</t>
  </si>
  <si>
    <t>726776-24036-1999.gz</t>
  </si>
  <si>
    <t>MILL IRON</t>
  </si>
  <si>
    <t>726627-94037-1999.gz</t>
  </si>
  <si>
    <t>ANTELOPE 2</t>
  </si>
  <si>
    <t>CEDARS</t>
  </si>
  <si>
    <t>MULECANYON</t>
  </si>
  <si>
    <t>CEDAR 2</t>
  </si>
  <si>
    <t>TRAILCANYN</t>
  </si>
  <si>
    <t>BLITZ</t>
  </si>
  <si>
    <t>PAH RAH</t>
  </si>
  <si>
    <t>SANDSPRGS</t>
  </si>
  <si>
    <t>WILCOX 2</t>
  </si>
  <si>
    <t>SHIRTTAIL</t>
  </si>
  <si>
    <t>POCO</t>
  </si>
  <si>
    <t>SHOSHONE</t>
  </si>
  <si>
    <t>FISH 2</t>
  </si>
  <si>
    <t>WAGON BOX</t>
  </si>
  <si>
    <t>HORSECREEK</t>
  </si>
  <si>
    <t>PINEY</t>
  </si>
  <si>
    <t>SADLER</t>
  </si>
  <si>
    <t>WELCHES CR</t>
  </si>
  <si>
    <t>DIDOCOMPLE</t>
  </si>
  <si>
    <t>NOSCHOOL2</t>
  </si>
  <si>
    <t>SIGNBOARD</t>
  </si>
  <si>
    <t>BLUEGARDEN</t>
  </si>
  <si>
    <t>LANG SYNE</t>
  </si>
  <si>
    <t>DUNGLENCOM</t>
  </si>
  <si>
    <t>G VALLEY 1</t>
  </si>
  <si>
    <t>DENIO COM</t>
  </si>
  <si>
    <t>COSGRAVE</t>
  </si>
  <si>
    <t>SOMBRERO</t>
  </si>
  <si>
    <t>POKER BROW</t>
  </si>
  <si>
    <t>JUNGO COM</t>
  </si>
  <si>
    <t>EUGENE</t>
  </si>
  <si>
    <t>LONE BUTTE</t>
  </si>
  <si>
    <t>TUNG HOUSE</t>
  </si>
  <si>
    <t>LNG HOLLOW</t>
  </si>
  <si>
    <t>CRUMP</t>
  </si>
  <si>
    <t>HORSE CR</t>
  </si>
  <si>
    <t>S RAILROAD</t>
  </si>
  <si>
    <t>CLAY PIT</t>
  </si>
  <si>
    <t>DRY CYN</t>
  </si>
  <si>
    <t>CLARKELEN</t>
  </si>
  <si>
    <t>ANACONDA</t>
  </si>
  <si>
    <t>N PARKCPLX</t>
  </si>
  <si>
    <t>LOSTMAN'S</t>
  </si>
  <si>
    <t>BIGELK</t>
  </si>
  <si>
    <t>723564-99999-1999.gz</t>
  </si>
  <si>
    <t>DOF 122</t>
  </si>
  <si>
    <t>FAKPF#1</t>
  </si>
  <si>
    <t>HICKORY IS</t>
  </si>
  <si>
    <t>DEGARMO CY</t>
  </si>
  <si>
    <t>BADGER FIR</t>
  </si>
  <si>
    <t>GIWW ARSON</t>
  </si>
  <si>
    <t>NORTH UNIT</t>
  </si>
  <si>
    <t>ALLEY</t>
  </si>
  <si>
    <t>MT.TERREL</t>
  </si>
  <si>
    <t>MCCOY CREEK</t>
  </si>
  <si>
    <t>702650-99999-1999.gz</t>
  </si>
  <si>
    <t>BASS RIVER</t>
  </si>
  <si>
    <t>JOHNSTONE</t>
  </si>
  <si>
    <t>726777-99999-1999.gz</t>
  </si>
  <si>
    <t>OUTLOOK</t>
  </si>
  <si>
    <t>CHRISTMAS</t>
  </si>
  <si>
    <t>723600-23051-1999.gz</t>
  </si>
  <si>
    <t>I-DO</t>
  </si>
  <si>
    <t>T-FOUR</t>
  </si>
  <si>
    <t>BOOTHEEL</t>
  </si>
  <si>
    <t>AVANCE</t>
  </si>
  <si>
    <t>PAT PETERSON</t>
  </si>
  <si>
    <t>BULLHEAD</t>
  </si>
  <si>
    <t>JOE TILL</t>
  </si>
  <si>
    <t>MAX FISH CAMP</t>
  </si>
  <si>
    <t>KIVALINA</t>
  </si>
  <si>
    <t>701486-99999-1999.gz</t>
  </si>
  <si>
    <t xml:space="preserve">MUSTY #3                 </t>
  </si>
  <si>
    <t>SCHYLER FORK</t>
  </si>
  <si>
    <t>LAURELL BRANCH</t>
  </si>
  <si>
    <t>POWELL CREEK</t>
  </si>
  <si>
    <t>BRUCHY CREEK</t>
  </si>
  <si>
    <t>MATE CREEK</t>
  </si>
  <si>
    <t>JIGGS</t>
  </si>
  <si>
    <t>2A COMMAND</t>
  </si>
  <si>
    <t>994170-99999-1999.gz</t>
  </si>
  <si>
    <t>MARQUETTE9</t>
  </si>
  <si>
    <t>727430-94850-1999.gz</t>
  </si>
  <si>
    <t>725620-24023-1999.gz</t>
  </si>
  <si>
    <t>FM 767 FIRE</t>
  </si>
  <si>
    <t>WILLIAM'S RANCH FIRE</t>
  </si>
  <si>
    <t>911975-99999-1999.gz</t>
  </si>
  <si>
    <t>BENTON</t>
  </si>
  <si>
    <t>PAD</t>
  </si>
  <si>
    <t>CANYON II</t>
  </si>
  <si>
    <t>ELIZABETH</t>
  </si>
  <si>
    <t>726817-24154-2000.gz</t>
  </si>
  <si>
    <t>HASH ROCK   1086</t>
  </si>
  <si>
    <t>724769-99999-2000.gz</t>
  </si>
  <si>
    <t>OUTLET</t>
  </si>
  <si>
    <t>ROCKY HULL</t>
  </si>
  <si>
    <t>VIVEASH</t>
  </si>
  <si>
    <t>BURNT FLATS</t>
  </si>
  <si>
    <t>BLOODGOOD</t>
  </si>
  <si>
    <t>MONUMENT CANYON</t>
  </si>
  <si>
    <t>WEST BASIN</t>
  </si>
  <si>
    <t>PLASKETT 2</t>
  </si>
  <si>
    <t>MCDONALD II</t>
  </si>
  <si>
    <t>SOUTH SHELLROCK</t>
  </si>
  <si>
    <t>THREE BEARS</t>
  </si>
  <si>
    <t>DIAMOND POINT</t>
  </si>
  <si>
    <t>BLACK LAKE</t>
  </si>
  <si>
    <t>NICK</t>
  </si>
  <si>
    <t>BURGDORF JCT.</t>
  </si>
  <si>
    <t>WALL</t>
  </si>
  <si>
    <t>STAG</t>
  </si>
  <si>
    <t>BLODGETT TRAILHEAD</t>
  </si>
  <si>
    <t>LONELY CREEK</t>
  </si>
  <si>
    <t>LITTLE BLUE JOINT</t>
  </si>
  <si>
    <t>TAYLOR SPRINGS</t>
  </si>
  <si>
    <t>MARLIN SPRINGS</t>
  </si>
  <si>
    <t>FONTENELLE</t>
  </si>
  <si>
    <t>ENOS</t>
  </si>
  <si>
    <t>BLIND TRAIL</t>
  </si>
  <si>
    <t>MORSE</t>
  </si>
  <si>
    <t>727833-04114-2000.gz</t>
  </si>
  <si>
    <t>RANKIN CREEK</t>
  </si>
  <si>
    <t>LITTLE PISTOL</t>
  </si>
  <si>
    <t>BUTTS</t>
  </si>
  <si>
    <t>PACKER MEADOWS</t>
  </si>
  <si>
    <t>APAREJO</t>
  </si>
  <si>
    <t>SHORT CREEK II</t>
  </si>
  <si>
    <t>MILE POST 244</t>
  </si>
  <si>
    <t>726885-24152-2000.gz</t>
  </si>
  <si>
    <t>LYDIA MTN.</t>
  </si>
  <si>
    <t>CLIFF POINT</t>
  </si>
  <si>
    <t>STONE HILL</t>
  </si>
  <si>
    <t>UPPER BEAVER</t>
  </si>
  <si>
    <t>CHIPMUNK</t>
  </si>
  <si>
    <t>JIM CREEK RANCH</t>
  </si>
  <si>
    <t>DEEP CREEK CABIN</t>
  </si>
  <si>
    <t>CARROL CREEK</t>
  </si>
  <si>
    <t>THORN</t>
  </si>
  <si>
    <t>CAVE GULCH</t>
  </si>
  <si>
    <t>727720-24144-2000.gz</t>
  </si>
  <si>
    <t>HIGH MEADOWS</t>
  </si>
  <si>
    <t>MANTER</t>
  </si>
  <si>
    <t>723826-99999-2000.gz</t>
  </si>
  <si>
    <t>FLAT FIRE</t>
  </si>
  <si>
    <t>UPPER NINEMILE</t>
  </si>
  <si>
    <t>ALPINE DIVIDE</t>
  </si>
  <si>
    <t>MONTURE COMPLEX</t>
  </si>
  <si>
    <t>SPREAD RIDGE</t>
  </si>
  <si>
    <t>LANDOWNER MNT</t>
  </si>
  <si>
    <t>JASPER</t>
  </si>
  <si>
    <t>STORRIE</t>
  </si>
  <si>
    <t>MORNING DOVE</t>
  </si>
  <si>
    <t>PASTURE 9 BURN</t>
  </si>
  <si>
    <t>CREE</t>
  </si>
  <si>
    <t>SCOTTABLE</t>
  </si>
  <si>
    <t>MUSSIGBROD</t>
  </si>
  <si>
    <t>WILD CREEK</t>
  </si>
  <si>
    <t>723545-99999-2000.gz</t>
  </si>
  <si>
    <t>BOAR CREEK</t>
  </si>
  <si>
    <t>723564-99999-2000.gz</t>
  </si>
  <si>
    <t>FTMANUEL</t>
  </si>
  <si>
    <t>TRIBLE</t>
  </si>
  <si>
    <t>GENO H.</t>
  </si>
  <si>
    <t>PEPPER CR.</t>
  </si>
  <si>
    <t>NO FLESH</t>
  </si>
  <si>
    <t>RL208</t>
  </si>
  <si>
    <t>RL207</t>
  </si>
  <si>
    <t>VANDERBURG</t>
  </si>
  <si>
    <t>CLEARDIVID</t>
  </si>
  <si>
    <t>BUFFALO LK</t>
  </si>
  <si>
    <t>MULE DRY</t>
  </si>
  <si>
    <t>VIEJAS</t>
  </si>
  <si>
    <t>PEASE</t>
  </si>
  <si>
    <t>MUDDYCRK</t>
  </si>
  <si>
    <t>DALL</t>
  </si>
  <si>
    <t>701740-26533-2000.gz</t>
  </si>
  <si>
    <t>SPIRIT LAKE</t>
  </si>
  <si>
    <t>702460-99999-2000.gz</t>
  </si>
  <si>
    <t>GRANT CREE</t>
  </si>
  <si>
    <t>701780-26529-2000.gz</t>
  </si>
  <si>
    <t>ZITZIANA</t>
  </si>
  <si>
    <t>701793-99999-2000.gz</t>
  </si>
  <si>
    <t>TOLOVANA F</t>
  </si>
  <si>
    <t>702615-99999-2000.gz</t>
  </si>
  <si>
    <t>BERING CREEK</t>
  </si>
  <si>
    <t>OTTER CREE</t>
  </si>
  <si>
    <t>BEARPAW MT</t>
  </si>
  <si>
    <t>YUKONCREEK</t>
  </si>
  <si>
    <t>702006-99999-2000.gz</t>
  </si>
  <si>
    <t>UPPER OTTE</t>
  </si>
  <si>
    <t>NATLARATLE</t>
  </si>
  <si>
    <t>702220-99999-2000.gz</t>
  </si>
  <si>
    <t>BOX RIVER</t>
  </si>
  <si>
    <t>702223-99999-2000.gz</t>
  </si>
  <si>
    <t>CHITSIA</t>
  </si>
  <si>
    <t>GRAND CREEK</t>
  </si>
  <si>
    <t>PASTOLIAK</t>
  </si>
  <si>
    <t>702084-99999-2000.gz</t>
  </si>
  <si>
    <t>LNU MORGAN</t>
  </si>
  <si>
    <t>TGU WEIN</t>
  </si>
  <si>
    <t>MUSTANG CK</t>
  </si>
  <si>
    <t>BUSTERFLAT</t>
  </si>
  <si>
    <t>SCANDARD</t>
  </si>
  <si>
    <t>WINTERVLLY</t>
  </si>
  <si>
    <t>CONE MTN</t>
  </si>
  <si>
    <t>724776-99999-2000.gz</t>
  </si>
  <si>
    <t>ARCH CANYN</t>
  </si>
  <si>
    <t>SE IMPACT</t>
  </si>
  <si>
    <t>BLUE CREEK</t>
  </si>
  <si>
    <t>FLAT BROKE</t>
  </si>
  <si>
    <t>OREGONTRAI</t>
  </si>
  <si>
    <t>CRIMSONCLO</t>
  </si>
  <si>
    <t>KETTLE BTE</t>
  </si>
  <si>
    <t>MOONSHINE</t>
  </si>
  <si>
    <t>725786-99999-2000.gz</t>
  </si>
  <si>
    <t>COFFEE PNT</t>
  </si>
  <si>
    <t>FISHER SPG</t>
  </si>
  <si>
    <t>SUPPON CRK</t>
  </si>
  <si>
    <t>TIN CUP</t>
  </si>
  <si>
    <t>CEDARFIELD</t>
  </si>
  <si>
    <t>BELL MARE</t>
  </si>
  <si>
    <t>HIGHPOINT</t>
  </si>
  <si>
    <t>726816-99999-2000.gz</t>
  </si>
  <si>
    <t>CALDERCR</t>
  </si>
  <si>
    <t>COALBANKS</t>
  </si>
  <si>
    <t>C ROCKS</t>
  </si>
  <si>
    <t>SNOWLINE</t>
  </si>
  <si>
    <t>BOULDER COMPLEX</t>
  </si>
  <si>
    <t>RYAN GULCH</t>
  </si>
  <si>
    <t>TOSTON MAUDLOW</t>
  </si>
  <si>
    <t>726797-24132-2000.gz</t>
  </si>
  <si>
    <t>TOOKE</t>
  </si>
  <si>
    <t>ANTELHUNG</t>
  </si>
  <si>
    <t>725805-24172-2000.gz</t>
  </si>
  <si>
    <t>LINKA</t>
  </si>
  <si>
    <t>COUNTYZONE</t>
  </si>
  <si>
    <t>COLD SPRGS</t>
  </si>
  <si>
    <t>CHOKECHERR</t>
  </si>
  <si>
    <t>DOUBLE H</t>
  </si>
  <si>
    <t>JUNGO</t>
  </si>
  <si>
    <t>TRUCKEE</t>
  </si>
  <si>
    <t>S WILLOW</t>
  </si>
  <si>
    <t>XT</t>
  </si>
  <si>
    <t>CASCABEL</t>
  </si>
  <si>
    <t>DOUBLE TK</t>
  </si>
  <si>
    <t>GRANDADDY</t>
  </si>
  <si>
    <t>BRANTLEY</t>
  </si>
  <si>
    <t>CHANCE</t>
  </si>
  <si>
    <t>BEATYBUTTE</t>
  </si>
  <si>
    <t>SEATLE FLT</t>
  </si>
  <si>
    <t>2 HORSE MT</t>
  </si>
  <si>
    <t>726837-24162-2000.gz</t>
  </si>
  <si>
    <t>WHITE MULE</t>
  </si>
  <si>
    <t>724795-99999-2000.gz</t>
  </si>
  <si>
    <t>MONA WEST</t>
  </si>
  <si>
    <t>SWAINS</t>
  </si>
  <si>
    <t>BROWNSSPRI</t>
  </si>
  <si>
    <t>BORROW PIT</t>
  </si>
  <si>
    <t>HOGUP</t>
  </si>
  <si>
    <t>SROSERANCH</t>
  </si>
  <si>
    <t>CASTL ROCK</t>
  </si>
  <si>
    <t>BISMARK</t>
  </si>
  <si>
    <t>ARAGONITE</t>
  </si>
  <si>
    <t>TENMILEPAS</t>
  </si>
  <si>
    <t>ORMSBY</t>
  </si>
  <si>
    <t>WOOD DRAW</t>
  </si>
  <si>
    <t>WLD HORSE</t>
  </si>
  <si>
    <t>SHEEP MT</t>
  </si>
  <si>
    <t>BIRCHER</t>
  </si>
  <si>
    <t>CERRO GRANDE</t>
  </si>
  <si>
    <t>723654-99999-2000.gz</t>
  </si>
  <si>
    <t>POTTER #2</t>
  </si>
  <si>
    <t>PINNACLES</t>
  </si>
  <si>
    <t>OLD RAG</t>
  </si>
  <si>
    <t>DARROW RDG</t>
  </si>
  <si>
    <t>GUS</t>
  </si>
  <si>
    <t>CITYHALL2</t>
  </si>
  <si>
    <t>DOF200</t>
  </si>
  <si>
    <t>41SOUTH</t>
  </si>
  <si>
    <t>GA-2</t>
  </si>
  <si>
    <t>RED CROSS</t>
  </si>
  <si>
    <t>727676-24013-2000.gz</t>
  </si>
  <si>
    <t>SNAKE CRK</t>
  </si>
  <si>
    <t>DRYWELLS</t>
  </si>
  <si>
    <t>725621-99999-2000.gz</t>
  </si>
  <si>
    <t>VAL COMP</t>
  </si>
  <si>
    <t>CRATERLK-L</t>
  </si>
  <si>
    <t>723550-99999-2000.gz</t>
  </si>
  <si>
    <t>E WHITES 2</t>
  </si>
  <si>
    <t>24 COMMAND</t>
  </si>
  <si>
    <t>727840-99999-2000.gz</t>
  </si>
  <si>
    <t>TANGO CREEK</t>
  </si>
  <si>
    <t>CARLOS EDGE</t>
  </si>
  <si>
    <t>CURRY RD 3</t>
  </si>
  <si>
    <t>TRINCHERA</t>
  </si>
  <si>
    <t>722677-99999-2000.gz</t>
  </si>
  <si>
    <t>MILAGRO</t>
  </si>
  <si>
    <t>SINGLETON</t>
  </si>
  <si>
    <t>EIDSON</t>
  </si>
  <si>
    <t>GRANDE COMPLEX</t>
  </si>
  <si>
    <t>SUNDALE</t>
  </si>
  <si>
    <t>MOORE BRANCH</t>
  </si>
  <si>
    <t>TAMARACK CREEK</t>
  </si>
  <si>
    <t>DON FERGUSON</t>
  </si>
  <si>
    <t>LICKINY</t>
  </si>
  <si>
    <t>MIKE JUNGWIRTH</t>
  </si>
  <si>
    <t>HOUCK RANCH</t>
  </si>
  <si>
    <t>LADUE/ WESINGER</t>
  </si>
  <si>
    <t>REDWATER/LENZGRAF</t>
  </si>
  <si>
    <t>WAKAPAMNI LAKE</t>
  </si>
  <si>
    <t>CHOURNOS</t>
  </si>
  <si>
    <t>725750-99999-2000.gz</t>
  </si>
  <si>
    <t>HOLEYLAND</t>
  </si>
  <si>
    <t>722039-99999-2000.gz</t>
  </si>
  <si>
    <t>LAKE FIRE/HICKMAN FIRE</t>
  </si>
  <si>
    <t>51 FIRE</t>
  </si>
  <si>
    <t>CURRY ISLAND FIRE</t>
  </si>
  <si>
    <t>HIDDEN LAKE</t>
  </si>
  <si>
    <t>FLOWERS (CARLTON RESERVE)</t>
  </si>
  <si>
    <t>HAWKINS</t>
  </si>
  <si>
    <t>PECHANGA</t>
  </si>
  <si>
    <t>CANYON FERRY COMPLEX</t>
  </si>
  <si>
    <t>FLAGPOLE MOUNTAIN</t>
  </si>
  <si>
    <t>WARBONNET</t>
  </si>
  <si>
    <t>725636-24017-2000.gz</t>
  </si>
  <si>
    <t>MALONEY</t>
  </si>
  <si>
    <t>ABERT</t>
  </si>
  <si>
    <t xml:space="preserve">BERRYESSA                </t>
  </si>
  <si>
    <t>FY2000-CLINCH-055</t>
  </si>
  <si>
    <t>MCGEE CREEK #3</t>
  </si>
  <si>
    <t>ARBUCKLE COMPLEX</t>
  </si>
  <si>
    <t>723555-99999-2000.gz</t>
  </si>
  <si>
    <t>BRISTOW COMPLEX</t>
  </si>
  <si>
    <t>OAKCLIFF</t>
  </si>
  <si>
    <t>723537-99999-2000.gz</t>
  </si>
  <si>
    <t>FAIRFAX</t>
  </si>
  <si>
    <t>COOK RANCH</t>
  </si>
  <si>
    <t>722618-99999-2000.gz</t>
  </si>
  <si>
    <t>GOODNOE FIRE</t>
  </si>
  <si>
    <t>SIXPRONG COMPLEX</t>
  </si>
  <si>
    <t>MIDDLE ENOS</t>
  </si>
  <si>
    <t>30 MILE</t>
  </si>
  <si>
    <t>LIBBY SOUTH</t>
  </si>
  <si>
    <t>SNOWSHOE</t>
  </si>
  <si>
    <t>UPPER WILLOW CREEK</t>
  </si>
  <si>
    <t>STREAM</t>
  </si>
  <si>
    <t>MARTIS</t>
  </si>
  <si>
    <t>REX CREEK COMPLEX</t>
  </si>
  <si>
    <t>SWILLUP II</t>
  </si>
  <si>
    <t>722685-99999-2001.gz</t>
  </si>
  <si>
    <t>FRIDLEY</t>
  </si>
  <si>
    <t>726797-24132-2001.gz</t>
  </si>
  <si>
    <t>PURDY CREEK</t>
  </si>
  <si>
    <t>BERGSICKER</t>
  </si>
  <si>
    <t>723894-99999-2001.gz</t>
  </si>
  <si>
    <t>ELK MOUNTAIN #2</t>
  </si>
  <si>
    <t>ROGER'S SHACK</t>
  </si>
  <si>
    <t>STABLES</t>
  </si>
  <si>
    <t>745057-99999-2001.gz</t>
  </si>
  <si>
    <t>727825-94239-2001.gz</t>
  </si>
  <si>
    <t>MT. LEONA</t>
  </si>
  <si>
    <t>GREEN KNOLL</t>
  </si>
  <si>
    <t>LEROY</t>
  </si>
  <si>
    <t>KENAI LAKE</t>
  </si>
  <si>
    <t>702770-99999-2001.gz</t>
  </si>
  <si>
    <t>PICKUP</t>
  </si>
  <si>
    <t>RL215</t>
  </si>
  <si>
    <t>DAM TOWER</t>
  </si>
  <si>
    <t>VIRGINIA L</t>
  </si>
  <si>
    <t>ST MARY'S</t>
  </si>
  <si>
    <t>702600-99999-2001.gz</t>
  </si>
  <si>
    <t>SURVEY LIN</t>
  </si>
  <si>
    <t>702615-99999-2001.gz</t>
  </si>
  <si>
    <t>TRACTOR TR</t>
  </si>
  <si>
    <t>LEONARD</t>
  </si>
  <si>
    <t>LMU DEVIL</t>
  </si>
  <si>
    <t>OBSERVATIO</t>
  </si>
  <si>
    <t>NORTH CAN</t>
  </si>
  <si>
    <t>BIG KNOB</t>
  </si>
  <si>
    <t>N SLATER</t>
  </si>
  <si>
    <t>726809-99999-2001.gz</t>
  </si>
  <si>
    <t>DOE FLAT</t>
  </si>
  <si>
    <t>MP47HWY51</t>
  </si>
  <si>
    <t>ROUGHDIAMO</t>
  </si>
  <si>
    <t>BACONPOND</t>
  </si>
  <si>
    <t>726816-99999-2001.gz</t>
  </si>
  <si>
    <t>MAINHEGLAR</t>
  </si>
  <si>
    <t>SUBLETTRES</t>
  </si>
  <si>
    <t>WILLOWCREK</t>
  </si>
  <si>
    <t>WNA 6</t>
  </si>
  <si>
    <t>724880-23185-2001.gz</t>
  </si>
  <si>
    <t>W PEQUOPS</t>
  </si>
  <si>
    <t>725810-99999-2001.gz</t>
  </si>
  <si>
    <t>DOUBLE MTN</t>
  </si>
  <si>
    <t>ISOLATED</t>
  </si>
  <si>
    <t>WINECUP</t>
  </si>
  <si>
    <t>MAGGIE CR</t>
  </si>
  <si>
    <t>TABOR CRK</t>
  </si>
  <si>
    <t>DELANO</t>
  </si>
  <si>
    <t>HOT LAKE</t>
  </si>
  <si>
    <t>BUFFALOCMP</t>
  </si>
  <si>
    <t>GOOSEBERRY</t>
  </si>
  <si>
    <t>KRUM</t>
  </si>
  <si>
    <t>LAMBERTRD</t>
  </si>
  <si>
    <t>WILLOWTREE</t>
  </si>
  <si>
    <t>GOLDEN EAG</t>
  </si>
  <si>
    <t>BIG STICK</t>
  </si>
  <si>
    <t>SHEEPSHEAD</t>
  </si>
  <si>
    <t>726875-99999-2001.gz</t>
  </si>
  <si>
    <t>BIG JUNIPE</t>
  </si>
  <si>
    <t>WAGNER MT</t>
  </si>
  <si>
    <t>STARVATION</t>
  </si>
  <si>
    <t>726980-24229-2001.gz</t>
  </si>
  <si>
    <t>COW HOLLOW</t>
  </si>
  <si>
    <t>726837-99999-2001.gz</t>
  </si>
  <si>
    <t>OYWHEE RVR</t>
  </si>
  <si>
    <t>JACKIESBTE</t>
  </si>
  <si>
    <t>WESTCRATER</t>
  </si>
  <si>
    <t>CAVANAUGH2</t>
  </si>
  <si>
    <t>MORGAN MTN</t>
  </si>
  <si>
    <t>KEG MTN</t>
  </si>
  <si>
    <t>TIMPIE</t>
  </si>
  <si>
    <t>ANTELOPE 4</t>
  </si>
  <si>
    <t>LITTLE FLD</t>
  </si>
  <si>
    <t>UNION VLY</t>
  </si>
  <si>
    <t>THUNDER CH</t>
  </si>
  <si>
    <t>KAYE FIELD</t>
  </si>
  <si>
    <t>SWAMP RDG.</t>
  </si>
  <si>
    <t>TOWER FIRE</t>
  </si>
  <si>
    <t>SULPHUR</t>
  </si>
  <si>
    <t>HOOVER</t>
  </si>
  <si>
    <t>LITTLECEZR</t>
  </si>
  <si>
    <t>LOPEZ</t>
  </si>
  <si>
    <t>SQUAWKCRK2</t>
  </si>
  <si>
    <t>ECKLUND CX</t>
  </si>
  <si>
    <t>DOF#290</t>
  </si>
  <si>
    <t>SECTION 3</t>
  </si>
  <si>
    <t>CRAVENS IS</t>
  </si>
  <si>
    <t>SISTERS A</t>
  </si>
  <si>
    <t>992250-99999-2001.gz</t>
  </si>
  <si>
    <t>SISTERS B</t>
  </si>
  <si>
    <t>DEEP WELL</t>
  </si>
  <si>
    <t>SAVANNAH S</t>
  </si>
  <si>
    <t>PORTKELLY</t>
  </si>
  <si>
    <t>727845-99999-2001.gz</t>
  </si>
  <si>
    <t>724645-23070-2001.gz</t>
  </si>
  <si>
    <t>HOBBS</t>
  </si>
  <si>
    <t>ANIMAS</t>
  </si>
  <si>
    <t>ROUGH CREEK</t>
  </si>
  <si>
    <t>LEMONS GAP COMPLEX</t>
  </si>
  <si>
    <t>PITCHFORK</t>
  </si>
  <si>
    <t>LEMON BUTTE</t>
  </si>
  <si>
    <t>GRUEB</t>
  </si>
  <si>
    <t>726627-94037-2001.gz</t>
  </si>
  <si>
    <t>BEEF HOLLOW</t>
  </si>
  <si>
    <t>SENTINEL PEAK</t>
  </si>
  <si>
    <t>BRIDGE CREEK</t>
  </si>
  <si>
    <t>MONUMENT COMPLEX</t>
  </si>
  <si>
    <t>GAMBOL MILL</t>
  </si>
  <si>
    <t>CARLTON   01</t>
  </si>
  <si>
    <t>FLICKA</t>
  </si>
  <si>
    <t>ST. JOHN'S MARSH COMMAND</t>
  </si>
  <si>
    <t>JOE JR</t>
  </si>
  <si>
    <t>NO ROADS FIRE</t>
  </si>
  <si>
    <t>BAHIA</t>
  </si>
  <si>
    <t>EAST COUNTY LINE</t>
  </si>
  <si>
    <t>DECEPTION</t>
  </si>
  <si>
    <t>MARKHAM PARK</t>
  </si>
  <si>
    <t>DIXIE/LAFAYETTE</t>
  </si>
  <si>
    <t>DARBY</t>
  </si>
  <si>
    <t>NEBO CREEK</t>
  </si>
  <si>
    <t>MOLLIE</t>
  </si>
  <si>
    <t>WEST HELL CANYON</t>
  </si>
  <si>
    <t>POE</t>
  </si>
  <si>
    <t>FY2001-MCINTOSH-095</t>
  </si>
  <si>
    <t>PUCKETT RIDGE</t>
  </si>
  <si>
    <t>LIBERTY FIRE</t>
  </si>
  <si>
    <t>DUNPHY</t>
  </si>
  <si>
    <t>CR 222 FIRE</t>
  </si>
  <si>
    <t>690190-99999-2001.gz</t>
  </si>
  <si>
    <t>O'REAR COMPLEX FIRE</t>
  </si>
  <si>
    <t>723520-99999-2001.gz</t>
  </si>
  <si>
    <t>EYERLY  0684</t>
  </si>
  <si>
    <t>MISSIONARY RIDGE</t>
  </si>
  <si>
    <t>HAMMOND</t>
  </si>
  <si>
    <t>ACKER</t>
  </si>
  <si>
    <t>BIG BEND</t>
  </si>
  <si>
    <t>SANFORD</t>
  </si>
  <si>
    <t>LOST LAKES</t>
  </si>
  <si>
    <t>BURN RIDGE</t>
  </si>
  <si>
    <t>HINMAN</t>
  </si>
  <si>
    <t>GREEN CREEK</t>
  </si>
  <si>
    <t>CASHE MOUNTIAN  0985</t>
  </si>
  <si>
    <t>747 FIRE     0747</t>
  </si>
  <si>
    <t>726876-99999-2002.gz</t>
  </si>
  <si>
    <t>725864-99999-2002.gz</t>
  </si>
  <si>
    <t>DARNELL</t>
  </si>
  <si>
    <t>724800-23157-2002.gz</t>
  </si>
  <si>
    <t>MIDDLE MTN</t>
  </si>
  <si>
    <t>BIG ELK</t>
  </si>
  <si>
    <t>ELLSWORTH</t>
  </si>
  <si>
    <t>LOST CABIN</t>
  </si>
  <si>
    <t>724846-99999-2002.gz</t>
  </si>
  <si>
    <t>PASS CREEK</t>
  </si>
  <si>
    <t>RED WAFFLE</t>
  </si>
  <si>
    <t>KRAFT SPRINGS</t>
  </si>
  <si>
    <t>MCNALLY</t>
  </si>
  <si>
    <t>TRICK</t>
  </si>
  <si>
    <t>BIG FISH</t>
  </si>
  <si>
    <t>COAL SEAM</t>
  </si>
  <si>
    <t>LITTLE HORSE</t>
  </si>
  <si>
    <t>OR-MAF-105</t>
  </si>
  <si>
    <t>OR-MAF-103</t>
  </si>
  <si>
    <t>OR-MAF-178</t>
  </si>
  <si>
    <t>BISCUIT</t>
  </si>
  <si>
    <t>725985-24267-2002.gz</t>
  </si>
  <si>
    <t>HENSEL</t>
  </si>
  <si>
    <t>WINTER</t>
  </si>
  <si>
    <t>SCHOONOVER</t>
  </si>
  <si>
    <t>HAYMAN</t>
  </si>
  <si>
    <t>LOUISIANA</t>
  </si>
  <si>
    <t>723816-03159-2002.gz</t>
  </si>
  <si>
    <t>MILLION</t>
  </si>
  <si>
    <t>PENASCO</t>
  </si>
  <si>
    <t>HULAH2</t>
  </si>
  <si>
    <t>HULAH</t>
  </si>
  <si>
    <t>KRAFT-COM.</t>
  </si>
  <si>
    <t>32BRAVO</t>
  </si>
  <si>
    <t>TENBROOK</t>
  </si>
  <si>
    <t>LAPLANTE</t>
  </si>
  <si>
    <t>POTATO CR.</t>
  </si>
  <si>
    <t>LOOKING</t>
  </si>
  <si>
    <t>RL13</t>
  </si>
  <si>
    <t>RL468</t>
  </si>
  <si>
    <t>PUMPHOUSE</t>
  </si>
  <si>
    <t>SOUTHFRKII</t>
  </si>
  <si>
    <t>NUMBER 5#2</t>
  </si>
  <si>
    <t>CHEDISKI</t>
  </si>
  <si>
    <t>SPURS</t>
  </si>
  <si>
    <t>KALSKAG</t>
  </si>
  <si>
    <t>VINASALE</t>
  </si>
  <si>
    <t>GALATEA CR</t>
  </si>
  <si>
    <t>702006-99999-2002.gz</t>
  </si>
  <si>
    <t>MP 78</t>
  </si>
  <si>
    <t>SULUKNA</t>
  </si>
  <si>
    <t>SISCHU</t>
  </si>
  <si>
    <t>702460-99999-2002.gz</t>
  </si>
  <si>
    <t>JOHN HANSE</t>
  </si>
  <si>
    <t>GESKAKMINA</t>
  </si>
  <si>
    <t>701793-99999-2002.gz</t>
  </si>
  <si>
    <t>BIG MUD</t>
  </si>
  <si>
    <t>AROPUK</t>
  </si>
  <si>
    <t>702005-99999-2002.gz</t>
  </si>
  <si>
    <t>BIGWALDREN</t>
  </si>
  <si>
    <t>MOOSE CR</t>
  </si>
  <si>
    <t>REINDEER</t>
  </si>
  <si>
    <t>HOLTNAKA</t>
  </si>
  <si>
    <t>MOOSECREEK</t>
  </si>
  <si>
    <t>702312-99999-2002.gz</t>
  </si>
  <si>
    <t>WALDENFORK</t>
  </si>
  <si>
    <t>KHOTOL RIV</t>
  </si>
  <si>
    <t>YETNA RIVR</t>
  </si>
  <si>
    <t>702075-99999-2002.gz</t>
  </si>
  <si>
    <t>TAG RIVER1</t>
  </si>
  <si>
    <t>JIM RIVER</t>
  </si>
  <si>
    <t>701740-26533-2002.gz</t>
  </si>
  <si>
    <t>GOBLET CK</t>
  </si>
  <si>
    <t>LONG CREEK</t>
  </si>
  <si>
    <t>KOCACHO 2</t>
  </si>
  <si>
    <t>701945-99999-2002.gz</t>
  </si>
  <si>
    <t>BIG ROCK</t>
  </si>
  <si>
    <t>STRINGO</t>
  </si>
  <si>
    <t>KETCHEM</t>
  </si>
  <si>
    <t>OAK TREE</t>
  </si>
  <si>
    <t>BOREL</t>
  </si>
  <si>
    <t>723840-23155-2002.gz</t>
  </si>
  <si>
    <t>SLINKARD</t>
  </si>
  <si>
    <t>CROY</t>
  </si>
  <si>
    <t>725958-99999-2002.gz</t>
  </si>
  <si>
    <t>FURNISH</t>
  </si>
  <si>
    <t>724646-99999-2002.gz</t>
  </si>
  <si>
    <t>IRON MTN</t>
  </si>
  <si>
    <t>N BARCUS</t>
  </si>
  <si>
    <t>HORSEBUTTE</t>
  </si>
  <si>
    <t>JACKKNIFE</t>
  </si>
  <si>
    <t>CHIP</t>
  </si>
  <si>
    <t>CLOT</t>
  </si>
  <si>
    <t>HORSESKIN</t>
  </si>
  <si>
    <t>JIM BURNS</t>
  </si>
  <si>
    <t>LINE CREEK</t>
  </si>
  <si>
    <t>724870-99999-2002.gz</t>
  </si>
  <si>
    <t>BUSTER</t>
  </si>
  <si>
    <t>725830-24128-2002.gz</t>
  </si>
  <si>
    <t>WHITERVER</t>
  </si>
  <si>
    <t>726988-24219-2002.gz</t>
  </si>
  <si>
    <t>PINTO HORS</t>
  </si>
  <si>
    <t>TRIMBLY CR</t>
  </si>
  <si>
    <t>726813-99999-2002.gz</t>
  </si>
  <si>
    <t>ATKINS BTE</t>
  </si>
  <si>
    <t>BLACK CNY</t>
  </si>
  <si>
    <t>DIAMOND CR</t>
  </si>
  <si>
    <t>PRICE CNY</t>
  </si>
  <si>
    <t>HWY 24</t>
  </si>
  <si>
    <t>727840-99999-2002.gz</t>
  </si>
  <si>
    <t>POWNELL</t>
  </si>
  <si>
    <t>DALEY</t>
  </si>
  <si>
    <t>TOLLMAN</t>
  </si>
  <si>
    <t>725636-24017-2002.gz</t>
  </si>
  <si>
    <t>REESE</t>
  </si>
  <si>
    <t>725647-99999-2002.gz</t>
  </si>
  <si>
    <t>COMMISARY</t>
  </si>
  <si>
    <t>MOOSE LAKE</t>
  </si>
  <si>
    <t>701045-99999-2002.gz</t>
  </si>
  <si>
    <t>CERO PELAD</t>
  </si>
  <si>
    <t>726763-99999-2002.gz</t>
  </si>
  <si>
    <t>PHLOX</t>
  </si>
  <si>
    <t>725776-99999-2002.gz</t>
  </si>
  <si>
    <t>FULTZ RUN</t>
  </si>
  <si>
    <t>KUPUKUPU</t>
  </si>
  <si>
    <t>CITY HALL</t>
  </si>
  <si>
    <t>NO.1WILD</t>
  </si>
  <si>
    <t>BJ-BAYCOMP</t>
  </si>
  <si>
    <t>NRTH BAYOU</t>
  </si>
  <si>
    <t>MANVEL</t>
  </si>
  <si>
    <t>727575-99999-2002.gz</t>
  </si>
  <si>
    <t>BIRD</t>
  </si>
  <si>
    <t>725610-24030-2002.gz</t>
  </si>
  <si>
    <t>WEST FORK CHENA</t>
  </si>
  <si>
    <t>SUSULATNA</t>
  </si>
  <si>
    <t>COLORADO CREEK</t>
  </si>
  <si>
    <t>702220-99999-2002.gz</t>
  </si>
  <si>
    <t>UN CHENA</t>
  </si>
  <si>
    <t>CAMELBACK BRIDGE</t>
  </si>
  <si>
    <t>727477-99999-2002.gz</t>
  </si>
  <si>
    <t>727750-24143-2002.gz</t>
  </si>
  <si>
    <t>PONIL FIRE</t>
  </si>
  <si>
    <t>ROBERTS CREEK</t>
  </si>
  <si>
    <t>SHELDON RIDGE</t>
  </si>
  <si>
    <t>RUSSELL EHLERS</t>
  </si>
  <si>
    <t>REC AREA COMMAND</t>
  </si>
  <si>
    <t>747930-99999-2002.gz</t>
  </si>
  <si>
    <t>MUSSOLINI</t>
  </si>
  <si>
    <t>DEER POINT</t>
  </si>
  <si>
    <t>BLUE CUT</t>
  </si>
  <si>
    <t>PINES</t>
  </si>
  <si>
    <t>GRIZZLY GULCH</t>
  </si>
  <si>
    <t>BURN CANYON</t>
  </si>
  <si>
    <t>724627-99999-2002.gz</t>
  </si>
  <si>
    <t>MP 85</t>
  </si>
  <si>
    <t>SUDDEN RANCH</t>
  </si>
  <si>
    <t>MONTOYA</t>
  </si>
  <si>
    <t>LINCOLN COUNTY COMPLEX</t>
  </si>
  <si>
    <t>EL PASO COUNTY COMPLEX</t>
  </si>
  <si>
    <t>LONE PALM FIRE</t>
  </si>
  <si>
    <t>CHOCOLATE BAYOU</t>
  </si>
  <si>
    <t>722527-99999-2002.gz</t>
  </si>
  <si>
    <t>PACK RAT COMPLEX</t>
  </si>
  <si>
    <t>HANOVER</t>
  </si>
  <si>
    <t>724680-99999-2002.gz</t>
  </si>
  <si>
    <t>MILNE/SQUIRREL</t>
  </si>
  <si>
    <t>724660-93037-2002.gz</t>
  </si>
  <si>
    <t xml:space="preserve">GAVILAN                  </t>
  </si>
  <si>
    <t>PINYON CANYON COMPLEX</t>
  </si>
  <si>
    <t>724635-23067-2002.gz</t>
  </si>
  <si>
    <t>724504-99999-2002.gz</t>
  </si>
  <si>
    <t>724509-99999-2002.gz</t>
  </si>
  <si>
    <t>724510-13985-2002.gz</t>
  </si>
  <si>
    <t>724507-13981-2002.gz</t>
  </si>
  <si>
    <t>724556-13989-2002.gz</t>
  </si>
  <si>
    <t>CURVE</t>
  </si>
  <si>
    <t>JOHN HANSEN LAKE</t>
  </si>
  <si>
    <t>SKELETON FIRE</t>
  </si>
  <si>
    <t>722720-99999-2003.gz</t>
  </si>
  <si>
    <t>SAPP</t>
  </si>
  <si>
    <t>HAAS RIDGE</t>
  </si>
  <si>
    <t>TWO CORRAL</t>
  </si>
  <si>
    <t>MUDD</t>
  </si>
  <si>
    <t>MINERAL PARK</t>
  </si>
  <si>
    <t>SNOWBANK</t>
  </si>
  <si>
    <t>WINSLOW / IDAHO</t>
  </si>
  <si>
    <t>724503-99999-2003.gz</t>
  </si>
  <si>
    <t>TOGO</t>
  </si>
  <si>
    <t>745057-99999-2003.gz</t>
  </si>
  <si>
    <t>DAVIS FIRE     0345</t>
  </si>
  <si>
    <t>BEAVER LAKES</t>
  </si>
  <si>
    <t>HOPEFUL 2</t>
  </si>
  <si>
    <t>WENDOVER</t>
  </si>
  <si>
    <t>CRAZY HORSE</t>
  </si>
  <si>
    <t>PETTIBONE CREEK</t>
  </si>
  <si>
    <t>SLIMS</t>
  </si>
  <si>
    <t>PICTURE</t>
  </si>
  <si>
    <t>EAST TABLE</t>
  </si>
  <si>
    <t>MOSS RIDGE</t>
  </si>
  <si>
    <t>BOOTH  0848</t>
  </si>
  <si>
    <t>BEAR BUTTE</t>
  </si>
  <si>
    <t>LINK   0390</t>
  </si>
  <si>
    <t>18 FIRE  0555</t>
  </si>
  <si>
    <t>CAPULIN</t>
  </si>
  <si>
    <t>LIZARD</t>
  </si>
  <si>
    <t>GOLD ONE</t>
  </si>
  <si>
    <t>ISABEL</t>
  </si>
  <si>
    <t>MINERAL/PRIMM</t>
  </si>
  <si>
    <t>BLACKFOOT LAKE</t>
  </si>
  <si>
    <t>STEEPLE</t>
  </si>
  <si>
    <t>WEDGE CANYON</t>
  </si>
  <si>
    <t>ROBERT</t>
  </si>
  <si>
    <t>GYP MOUNTAIN</t>
  </si>
  <si>
    <t>MID</t>
  </si>
  <si>
    <t>SOME CREEK</t>
  </si>
  <si>
    <t>TOBIAS</t>
  </si>
  <si>
    <t>WITHINGTON</t>
  </si>
  <si>
    <t>FALCONBERRY</t>
  </si>
  <si>
    <t>CASCADE 2</t>
  </si>
  <si>
    <t>CHERRY CREEK 2</t>
  </si>
  <si>
    <t>CHILCOOT COMPLEX</t>
  </si>
  <si>
    <t>ACKLEY</t>
  </si>
  <si>
    <t>725895-94236-2003.gz</t>
  </si>
  <si>
    <t>BRUNDAGE</t>
  </si>
  <si>
    <t>RATHBONE</t>
  </si>
  <si>
    <t>CRAMER</t>
  </si>
  <si>
    <t>NEEDLES</t>
  </si>
  <si>
    <t>LITTLE HORN II</t>
  </si>
  <si>
    <t>NORRIS</t>
  </si>
  <si>
    <t>DEAFY</t>
  </si>
  <si>
    <t>MYRTLE CREEK</t>
  </si>
  <si>
    <t>WOOLAROC</t>
  </si>
  <si>
    <t>723565-99999-2003.gz</t>
  </si>
  <si>
    <t>PRUE</t>
  </si>
  <si>
    <t>723560-13968-2003.gz</t>
  </si>
  <si>
    <t>PAPA</t>
  </si>
  <si>
    <t>RL257</t>
  </si>
  <si>
    <t>RL304</t>
  </si>
  <si>
    <t>MILEPOST</t>
  </si>
  <si>
    <t>PARDUE</t>
  </si>
  <si>
    <t>GREYBULL</t>
  </si>
  <si>
    <t>LITTLEHAWK</t>
  </si>
  <si>
    <t>CRAIG II</t>
  </si>
  <si>
    <t>MOLINA</t>
  </si>
  <si>
    <t>ENCEBADO</t>
  </si>
  <si>
    <t>KINISHBA</t>
  </si>
  <si>
    <t>ILIAMNA</t>
  </si>
  <si>
    <t>703400-25506-2003.gz</t>
  </si>
  <si>
    <t>TOK RIVER</t>
  </si>
  <si>
    <t>702915-99999-2003.gz</t>
  </si>
  <si>
    <t>ERICKSON C</t>
  </si>
  <si>
    <t>701793-99999-2003.gz</t>
  </si>
  <si>
    <t>701780-26529-2003.gz</t>
  </si>
  <si>
    <t>CORNUCOPIA</t>
  </si>
  <si>
    <t>TSYOOKUIHV</t>
  </si>
  <si>
    <t>DELPUERTO</t>
  </si>
  <si>
    <t>ROBLAR 2</t>
  </si>
  <si>
    <t>LIGHTNING HONEYDEW4M</t>
  </si>
  <si>
    <t>725848-99999-2003.gz</t>
  </si>
  <si>
    <t>GARCO 5</t>
  </si>
  <si>
    <t>MENAN 2</t>
  </si>
  <si>
    <t>726818-94194-2003.gz</t>
  </si>
  <si>
    <t>725866-99999-2003.gz</t>
  </si>
  <si>
    <t>HARKNESS</t>
  </si>
  <si>
    <t>TIMMERMAN</t>
  </si>
  <si>
    <t>725865-99999-2003.gz</t>
  </si>
  <si>
    <t>MISSOUBRKS</t>
  </si>
  <si>
    <t>MOON CREEK</t>
  </si>
  <si>
    <t>E MT COMLX</t>
  </si>
  <si>
    <t>726676-99999-2003.gz</t>
  </si>
  <si>
    <t>JUNIPERCYN</t>
  </si>
  <si>
    <t>726883-99999-2003.gz</t>
  </si>
  <si>
    <t>ROOSTER CO</t>
  </si>
  <si>
    <t>726813-99999-2003.gz</t>
  </si>
  <si>
    <t>APEX</t>
  </si>
  <si>
    <t>LONESOMEBE</t>
  </si>
  <si>
    <t>WSA</t>
  </si>
  <si>
    <t>HATTEN RD</t>
  </si>
  <si>
    <t>JUNIPER DU</t>
  </si>
  <si>
    <t>727845-24163-2003.gz</t>
  </si>
  <si>
    <t>BIG SPRING</t>
  </si>
  <si>
    <t>BLACK HILL</t>
  </si>
  <si>
    <t>POWELL</t>
  </si>
  <si>
    <t>HELEN'S 2</t>
  </si>
  <si>
    <t>HARRISON</t>
  </si>
  <si>
    <t>DOUBLE MOUNTAIN 2</t>
  </si>
  <si>
    <t>WEST KERN</t>
  </si>
  <si>
    <t>SOK</t>
  </si>
  <si>
    <t>LUHI FIRE</t>
  </si>
  <si>
    <t>KERULU CREEK</t>
  </si>
  <si>
    <t>702717-99999-2003.gz</t>
  </si>
  <si>
    <t>HADWEENZIC</t>
  </si>
  <si>
    <t>OS5 FIRE</t>
  </si>
  <si>
    <t>MICKEY BUTTE</t>
  </si>
  <si>
    <t>WINSLOW</t>
  </si>
  <si>
    <t>MCCLEAN BOTTOMS</t>
  </si>
  <si>
    <t>727640-24011-2003.gz</t>
  </si>
  <si>
    <t>WEST BOUNDRY</t>
  </si>
  <si>
    <t>UNIT 8 WILDFIRE</t>
  </si>
  <si>
    <t>UNIT 12 WF</t>
  </si>
  <si>
    <t>UNIT 6 WF</t>
  </si>
  <si>
    <t>UMTANUM RIDGE</t>
  </si>
  <si>
    <t>CANADA FIRE</t>
  </si>
  <si>
    <t>727477-99999-2003.gz</t>
  </si>
  <si>
    <t>CARIBOU FIRE</t>
  </si>
  <si>
    <t>CHIPPEWA PRAIRIE</t>
  </si>
  <si>
    <t>726466-99999-2003.gz</t>
  </si>
  <si>
    <t>HOBBLE FIRE</t>
  </si>
  <si>
    <t>JENNY</t>
  </si>
  <si>
    <t>JOHNSON RANCH</t>
  </si>
  <si>
    <t>722660-13962-2003.gz</t>
  </si>
  <si>
    <t>BLACK MTN #2</t>
  </si>
  <si>
    <t>PADUA</t>
  </si>
  <si>
    <t>BOLES MEADOW</t>
  </si>
  <si>
    <t>OVERLAND</t>
  </si>
  <si>
    <t>724699-99999-2003.gz</t>
  </si>
  <si>
    <t>OTAY</t>
  </si>
  <si>
    <t>722904-99999-2003.gz</t>
  </si>
  <si>
    <t>ROSETTA LANE</t>
  </si>
  <si>
    <t>SANTA CLARA COMPLEX</t>
  </si>
  <si>
    <t>EAST HANSEL VALLEY</t>
  </si>
  <si>
    <t>BLACK FROG COMPLEX</t>
  </si>
  <si>
    <t>TREASURE COUNTY COMPLEX</t>
  </si>
  <si>
    <t>ROCKY TOP</t>
  </si>
  <si>
    <t>HAIRPIN CURVE FIRE</t>
  </si>
  <si>
    <t xml:space="preserve">COONEY RIDGE </t>
  </si>
  <si>
    <t>VERDALE</t>
  </si>
  <si>
    <t>SIMI INCIDENT</t>
  </si>
  <si>
    <t xml:space="preserve">CANOE                    </t>
  </si>
  <si>
    <t>747770-99999-2003.gz</t>
  </si>
  <si>
    <t>THE ALLEY FIRE</t>
  </si>
  <si>
    <t>THE REFUGE FIRE</t>
  </si>
  <si>
    <t>BLACKWALL</t>
  </si>
  <si>
    <t>724115-99999-2003.gz</t>
  </si>
  <si>
    <t>724556-13989-2003.gz</t>
  </si>
  <si>
    <t>911907-99999-2003.gz</t>
  </si>
  <si>
    <t>FREDS</t>
  </si>
  <si>
    <t>722683-99999-2004.gz</t>
  </si>
  <si>
    <t>IMPASABLE 1</t>
  </si>
  <si>
    <t>COLE COMPLEX</t>
  </si>
  <si>
    <t>WATERFALL</t>
  </si>
  <si>
    <t>LITTLE BRADSHAW</t>
  </si>
  <si>
    <t>HAWKINS 2</t>
  </si>
  <si>
    <t>HAWKINS 1</t>
  </si>
  <si>
    <t>PINE PARK 2</t>
  </si>
  <si>
    <t>THREE FORKS</t>
  </si>
  <si>
    <t>KP</t>
  </si>
  <si>
    <t>DEEP HARBOR</t>
  </si>
  <si>
    <t>POT PEAK</t>
  </si>
  <si>
    <t>725940-99999-2004.gz</t>
  </si>
  <si>
    <t>CAMP 36</t>
  </si>
  <si>
    <t>NUTTALL</t>
  </si>
  <si>
    <t>SEDGWICK</t>
  </si>
  <si>
    <t>722720-93063-2004.gz</t>
  </si>
  <si>
    <t>723565-99999-2004.gz</t>
  </si>
  <si>
    <t>VAMOOSA</t>
  </si>
  <si>
    <t>LOG SPRING</t>
  </si>
  <si>
    <t>HOPKINS CA</t>
  </si>
  <si>
    <t>702615-99999-2004.gz</t>
  </si>
  <si>
    <t>MIDBIRCH C</t>
  </si>
  <si>
    <t>PREACHER CREEK</t>
  </si>
  <si>
    <t>702650-99999-2004.gz</t>
  </si>
  <si>
    <t>EDWARDSCR</t>
  </si>
  <si>
    <t>NATION RIV</t>
  </si>
  <si>
    <t>WINTER TRAILL</t>
  </si>
  <si>
    <t>AMERICAN S</t>
  </si>
  <si>
    <t>CHICKEN 1</t>
  </si>
  <si>
    <t>702915-99999-2004.gz</t>
  </si>
  <si>
    <t>GARDINER C</t>
  </si>
  <si>
    <t>BILLY CK</t>
  </si>
  <si>
    <t>702675-99999-2004.gz</t>
  </si>
  <si>
    <t>TOMMY LK</t>
  </si>
  <si>
    <t>WALLSTREET</t>
  </si>
  <si>
    <t>KING CREEK</t>
  </si>
  <si>
    <t>WOODCHOPPE</t>
  </si>
  <si>
    <t>GRAYLINGFK</t>
  </si>
  <si>
    <t>CHAMPIONCK</t>
  </si>
  <si>
    <t>BONANZA CK</t>
  </si>
  <si>
    <t>ANOMALY</t>
  </si>
  <si>
    <t>BOULDER CK</t>
  </si>
  <si>
    <t>DAWSON 31</t>
  </si>
  <si>
    <t>LUCKY CK</t>
  </si>
  <si>
    <t>BULLION CK</t>
  </si>
  <si>
    <t>RUNT FORK</t>
  </si>
  <si>
    <t>ROCK CR</t>
  </si>
  <si>
    <t>AMMERMAN M</t>
  </si>
  <si>
    <t>EVANSVILLE</t>
  </si>
  <si>
    <t>701740-26533-2004.gz</t>
  </si>
  <si>
    <t>DALL CITY</t>
  </si>
  <si>
    <t>CLAWANMENK</t>
  </si>
  <si>
    <t>LOWER MOUT</t>
  </si>
  <si>
    <t>BIG YETNA</t>
  </si>
  <si>
    <t>702075-99999-2004.gz</t>
  </si>
  <si>
    <t>WALDRON</t>
  </si>
  <si>
    <t>701793-99999-2004.gz</t>
  </si>
  <si>
    <t>BOLGEN CREEK</t>
  </si>
  <si>
    <t>TOKOMA BLUFF</t>
  </si>
  <si>
    <t>CLIFF CK</t>
  </si>
  <si>
    <t>OREGON CK</t>
  </si>
  <si>
    <t>RODO RIVER</t>
  </si>
  <si>
    <t>702006-99999-2004.gz</t>
  </si>
  <si>
    <t>TATALINA</t>
  </si>
  <si>
    <t>702600-26435-2004.gz</t>
  </si>
  <si>
    <t>TATALINA 2</t>
  </si>
  <si>
    <t>MYRTLE CRE</t>
  </si>
  <si>
    <t>LK TODATON</t>
  </si>
  <si>
    <t>NORUTAKH 2</t>
  </si>
  <si>
    <t>702070-26627-2004.gz</t>
  </si>
  <si>
    <t>HAT LIE LA</t>
  </si>
  <si>
    <t>WILLOW CR</t>
  </si>
  <si>
    <t>MUD FORK 2</t>
  </si>
  <si>
    <t>LSNOHOMISH</t>
  </si>
  <si>
    <t>HODZANA RV</t>
  </si>
  <si>
    <t>MINTO 1</t>
  </si>
  <si>
    <t>MINERAL</t>
  </si>
  <si>
    <t>CERRITO</t>
  </si>
  <si>
    <t>MATAGUAY</t>
  </si>
  <si>
    <t>MELTON</t>
  </si>
  <si>
    <t>GREASEWOOD</t>
  </si>
  <si>
    <t>724674-99999-2004.gz</t>
  </si>
  <si>
    <t>LACEY GULCH</t>
  </si>
  <si>
    <t>CHROME</t>
  </si>
  <si>
    <t>NICKEL</t>
  </si>
  <si>
    <t>746140-99999-2004.gz</t>
  </si>
  <si>
    <t>DMERON CPX</t>
  </si>
  <si>
    <t>SQUARE</t>
  </si>
  <si>
    <t>SQUARE2</t>
  </si>
  <si>
    <t>BIG CANYON</t>
  </si>
  <si>
    <t>724773-99999-2004.gz</t>
  </si>
  <si>
    <t>BEEBE</t>
  </si>
  <si>
    <t>UVGOON CR</t>
  </si>
  <si>
    <t>701335-99999-2004.gz</t>
  </si>
  <si>
    <t>PHO NORTH</t>
  </si>
  <si>
    <t>HILLSBORO CANAL</t>
  </si>
  <si>
    <t>UNIT 3-04-1W</t>
  </si>
  <si>
    <t>UNIT 1 WF</t>
  </si>
  <si>
    <t>AGGIE 2</t>
  </si>
  <si>
    <t>TORS</t>
  </si>
  <si>
    <t>702315-99999-2004.gz</t>
  </si>
  <si>
    <t>UPPER HEALY RIVER</t>
  </si>
  <si>
    <t>THOMPSON PARK FIRE</t>
  </si>
  <si>
    <t>722024-99999-2004.gz</t>
  </si>
  <si>
    <t>GATOR FIRE</t>
  </si>
  <si>
    <t>WEST FIRE</t>
  </si>
  <si>
    <t>EAST FIRE</t>
  </si>
  <si>
    <t>MICCOSUKEE FIRE</t>
  </si>
  <si>
    <t>722020-12839-2004.gz</t>
  </si>
  <si>
    <t>LOUISBURGRADE</t>
  </si>
  <si>
    <t>726466-99999-2004.gz</t>
  </si>
  <si>
    <t>727813-99999-2004.gz</t>
  </si>
  <si>
    <t>PICNIC ROCK</t>
  </si>
  <si>
    <t>724769-99999-2004.gz</t>
  </si>
  <si>
    <t>726777-99999-2004.gz</t>
  </si>
  <si>
    <t>GAVIOTA</t>
  </si>
  <si>
    <t>722895-99999-2004.gz</t>
  </si>
  <si>
    <t>STRAYLOR</t>
  </si>
  <si>
    <t>CROWN</t>
  </si>
  <si>
    <t>723820-23182-2004.gz</t>
  </si>
  <si>
    <t>745057-99999-2004.gz</t>
  </si>
  <si>
    <t>FISCHER</t>
  </si>
  <si>
    <t>CITRUS</t>
  </si>
  <si>
    <t>747240-99999-2004.gz</t>
  </si>
  <si>
    <t>BLAND MT 2</t>
  </si>
  <si>
    <t>726904-24231-2004.gz</t>
  </si>
  <si>
    <t xml:space="preserve">FKU 7654                 </t>
  </si>
  <si>
    <t>723826-99999-2004.gz</t>
  </si>
  <si>
    <t xml:space="preserve">HWY 4 #2                 </t>
  </si>
  <si>
    <t xml:space="preserve">RUMSEY                   </t>
  </si>
  <si>
    <t>724838-99999-2004.gz</t>
  </si>
  <si>
    <t>725690-24089-2004.gz</t>
  </si>
  <si>
    <t>SANTA FE SWAMP FIRE</t>
  </si>
  <si>
    <t>THREE</t>
  </si>
  <si>
    <t>722721-93063-2005.gz</t>
  </si>
  <si>
    <t>RICCO</t>
  </si>
  <si>
    <t>CEMENT</t>
  </si>
  <si>
    <t>STODDARD CREEK POINT</t>
  </si>
  <si>
    <t>RUNNING LAKE</t>
  </si>
  <si>
    <t>BURNT</t>
  </si>
  <si>
    <t>KELLY POINT</t>
  </si>
  <si>
    <t>NINE SHOT</t>
  </si>
  <si>
    <t>REYNOLDS LAKE</t>
  </si>
  <si>
    <t>NORTH ROAD</t>
  </si>
  <si>
    <t>WOOLEY</t>
  </si>
  <si>
    <t>BEAR CREEK WFU</t>
  </si>
  <si>
    <t>STRIPE CREEK</t>
  </si>
  <si>
    <t>MUDERSBACH</t>
  </si>
  <si>
    <t>723783-99999-2005.gz</t>
  </si>
  <si>
    <t>FLORIDA</t>
  </si>
  <si>
    <t>VALLEY ROAD</t>
  </si>
  <si>
    <t>BURNT STRIP MOUNTAIN</t>
  </si>
  <si>
    <t>722720-93063-2005.gz</t>
  </si>
  <si>
    <t>SIGNAL ROCK</t>
  </si>
  <si>
    <t>ROCK IN</t>
  </si>
  <si>
    <t>726817-24154-2005.gz</t>
  </si>
  <si>
    <t>BEETLE</t>
  </si>
  <si>
    <t>SHEEP CREEK WFU</t>
  </si>
  <si>
    <t>725775-04111-2005.gz</t>
  </si>
  <si>
    <t>JOE CREEK WFU</t>
  </si>
  <si>
    <t>WEST FORK WFU</t>
  </si>
  <si>
    <t>WOLF FANG WFU</t>
  </si>
  <si>
    <t>MISSOURI RIDGE WFU</t>
  </si>
  <si>
    <t>PINE CANYON</t>
  </si>
  <si>
    <t>BLOSSOM</t>
  </si>
  <si>
    <t>TARKIO</t>
  </si>
  <si>
    <t>WHITE DOG</t>
  </si>
  <si>
    <t>702075-99999-2005.gz</t>
  </si>
  <si>
    <t>ANTIOCH</t>
  </si>
  <si>
    <t>RATLIFFCIT</t>
  </si>
  <si>
    <t>HOLT MTN</t>
  </si>
  <si>
    <t>WAINWRIGHT 2</t>
  </si>
  <si>
    <t>SIMPSONTIG</t>
  </si>
  <si>
    <t>BEARDEN</t>
  </si>
  <si>
    <t>FLATROCKCO</t>
  </si>
  <si>
    <t>DRIPPNGSPR</t>
  </si>
  <si>
    <t>WAINWRIGHT</t>
  </si>
  <si>
    <t>PRAGUE</t>
  </si>
  <si>
    <t>WELTY</t>
  </si>
  <si>
    <t>BIRCH RESE</t>
  </si>
  <si>
    <t>CABINESS</t>
  </si>
  <si>
    <t>PINESPRING</t>
  </si>
  <si>
    <t>ACHILLE</t>
  </si>
  <si>
    <t>MEKASUKEY</t>
  </si>
  <si>
    <t>LITTLERIV2</t>
  </si>
  <si>
    <t>SHERWOOD F</t>
  </si>
  <si>
    <t>SEEPAY#2</t>
  </si>
  <si>
    <t>WOLFE PNT</t>
  </si>
  <si>
    <t>SECOND HUD</t>
  </si>
  <si>
    <t>W OMAK LK</t>
  </si>
  <si>
    <t>BIGHORN</t>
  </si>
  <si>
    <t>KIMBALRANC</t>
  </si>
  <si>
    <t>BOSQUE</t>
  </si>
  <si>
    <t>JEFF</t>
  </si>
  <si>
    <t>CLAY TANK</t>
  </si>
  <si>
    <t>NNEOLA</t>
  </si>
  <si>
    <t>TRACY AVE</t>
  </si>
  <si>
    <t>PILOT POIN</t>
  </si>
  <si>
    <t>703333-99999-2005.gz</t>
  </si>
  <si>
    <t>CHAPMAN CK</t>
  </si>
  <si>
    <t>701940-26413-2005.gz</t>
  </si>
  <si>
    <t>BIG SITDOW</t>
  </si>
  <si>
    <t>KANDIK R</t>
  </si>
  <si>
    <t>CHARLEY C1</t>
  </si>
  <si>
    <t>LIT MUD 2</t>
  </si>
  <si>
    <t>702460-26512-2005.gz</t>
  </si>
  <si>
    <t>BIG SITDO2</t>
  </si>
  <si>
    <t>HODZANA RI</t>
  </si>
  <si>
    <t>NELSON MT</t>
  </si>
  <si>
    <t>JIM R 3</t>
  </si>
  <si>
    <t>HIGH POWER</t>
  </si>
  <si>
    <t>STONE CK</t>
  </si>
  <si>
    <t>LONE MOUNT</t>
  </si>
  <si>
    <t>BABANTALTL</t>
  </si>
  <si>
    <t>BAKATIGIKN</t>
  </si>
  <si>
    <t>701793-99999-2005.gz</t>
  </si>
  <si>
    <t>N BONANZA</t>
  </si>
  <si>
    <t>FOSSIL CR</t>
  </si>
  <si>
    <t>702600-26435-2005.gz</t>
  </si>
  <si>
    <t>BONEY CRK</t>
  </si>
  <si>
    <t>RAY RIVER</t>
  </si>
  <si>
    <t>HOLLY LAKE</t>
  </si>
  <si>
    <t>COSNA RIVE</t>
  </si>
  <si>
    <t>BITZSHTINI</t>
  </si>
  <si>
    <t>UPPER TATL</t>
  </si>
  <si>
    <t>KING COUNT</t>
  </si>
  <si>
    <t>SWIFT</t>
  </si>
  <si>
    <t>702350-99999-2005.gz</t>
  </si>
  <si>
    <t>W BUTTONS</t>
  </si>
  <si>
    <t>GISASA RIV</t>
  </si>
  <si>
    <t>WASKY</t>
  </si>
  <si>
    <t>ALATNA HIL</t>
  </si>
  <si>
    <t>BOUNDARY CREEK</t>
  </si>
  <si>
    <t>SALMON FK</t>
  </si>
  <si>
    <t>BLACK WATE</t>
  </si>
  <si>
    <t>MISSION CK</t>
  </si>
  <si>
    <t>BIG WALDRE</t>
  </si>
  <si>
    <t>RABBIT MT</t>
  </si>
  <si>
    <t>COLEEN MT</t>
  </si>
  <si>
    <t>CHEKHECHUN</t>
  </si>
  <si>
    <t>HOLTNATKATNA CREEK</t>
  </si>
  <si>
    <t>J HERBERTS</t>
  </si>
  <si>
    <t>LITTLEMUD1</t>
  </si>
  <si>
    <t>SQUIRREL C</t>
  </si>
  <si>
    <t>PAPA WILLIE</t>
  </si>
  <si>
    <t>MENOTL EAS</t>
  </si>
  <si>
    <t>GRANT DOME</t>
  </si>
  <si>
    <t>L MUD 2</t>
  </si>
  <si>
    <t>NULATO 3</t>
  </si>
  <si>
    <t>TOZITNA RIVER</t>
  </si>
  <si>
    <t>KALYUH HIL</t>
  </si>
  <si>
    <t>GRAYLING C</t>
  </si>
  <si>
    <t>E FORK YU</t>
  </si>
  <si>
    <t>CHICK MTN</t>
  </si>
  <si>
    <t>TALBIKSOK</t>
  </si>
  <si>
    <t>YETNA</t>
  </si>
  <si>
    <t>CHITANATAL</t>
  </si>
  <si>
    <t>TITNA RIVE</t>
  </si>
  <si>
    <t>DULBISOUTH</t>
  </si>
  <si>
    <t>STUYAHOK</t>
  </si>
  <si>
    <t>FANNY MT</t>
  </si>
  <si>
    <t>GLACIER CR</t>
  </si>
  <si>
    <t>LAST CHANC</t>
  </si>
  <si>
    <t>MTBANGSCOM</t>
  </si>
  <si>
    <t>TWEEDY PT</t>
  </si>
  <si>
    <t>TOP</t>
  </si>
  <si>
    <t>VEKOL</t>
  </si>
  <si>
    <t>BOBBY</t>
  </si>
  <si>
    <t>GOLDWATER</t>
  </si>
  <si>
    <t>SUNSET PT</t>
  </si>
  <si>
    <t>SAND TANK</t>
  </si>
  <si>
    <t>J CANYON</t>
  </si>
  <si>
    <t>CHINA LAKE</t>
  </si>
  <si>
    <t>KINGSTON</t>
  </si>
  <si>
    <t>BORDER 50</t>
  </si>
  <si>
    <t>WOODHOUSE</t>
  </si>
  <si>
    <t>BROWN DUNE</t>
  </si>
  <si>
    <t>RUPERT</t>
  </si>
  <si>
    <t>LONGRUGGLE</t>
  </si>
  <si>
    <t>BLACKERBY</t>
  </si>
  <si>
    <t>NORTH HAM</t>
  </si>
  <si>
    <t>SOUTHBLACK</t>
  </si>
  <si>
    <t>BOWNSROOST</t>
  </si>
  <si>
    <t>ROUND BUTTE</t>
  </si>
  <si>
    <t>725786-24151-2005.gz</t>
  </si>
  <si>
    <t>INDIANRDGE</t>
  </si>
  <si>
    <t>BELRAPIDS2</t>
  </si>
  <si>
    <t>ESTARLAKE</t>
  </si>
  <si>
    <t>LAIDLAW BT</t>
  </si>
  <si>
    <t>ESMERALDA</t>
  </si>
  <si>
    <t>CARLIN</t>
  </si>
  <si>
    <t>SHERMAN</t>
  </si>
  <si>
    <t>CRISPIX</t>
  </si>
  <si>
    <t>IAN</t>
  </si>
  <si>
    <t>TOQUOP</t>
  </si>
  <si>
    <t>DUZAK</t>
  </si>
  <si>
    <t>MORMON MT</t>
  </si>
  <si>
    <t>EMORMOM</t>
  </si>
  <si>
    <t>USAF1</t>
  </si>
  <si>
    <t>BUNKERVILL</t>
  </si>
  <si>
    <t>GOODSPRING</t>
  </si>
  <si>
    <t>TRAMP</t>
  </si>
  <si>
    <t>NORTH VALLEY</t>
  </si>
  <si>
    <t>BEEF TRAIL</t>
  </si>
  <si>
    <t>FAREWELL B</t>
  </si>
  <si>
    <t>726837-24162-2005.gz</t>
  </si>
  <si>
    <t>WESTSID CX</t>
  </si>
  <si>
    <t>DIAMD V CX</t>
  </si>
  <si>
    <t>DAMMERON</t>
  </si>
  <si>
    <t>OAK PATCH</t>
  </si>
  <si>
    <t>WESTGILSON</t>
  </si>
  <si>
    <t>DITTO</t>
  </si>
  <si>
    <t>PARK VALLE</t>
  </si>
  <si>
    <t>BLACK MOUN</t>
  </si>
  <si>
    <t>WALL LAKE</t>
  </si>
  <si>
    <t>BIXBY</t>
  </si>
  <si>
    <t>IMELYAK</t>
  </si>
  <si>
    <t>GOITER</t>
  </si>
  <si>
    <t>DRAGON CLX</t>
  </si>
  <si>
    <t>DAISY</t>
  </si>
  <si>
    <t>COMB</t>
  </si>
  <si>
    <t>HACKBERRY</t>
  </si>
  <si>
    <t>TOPANGA</t>
  </si>
  <si>
    <t>722885-99999-2005.gz</t>
  </si>
  <si>
    <t>450 FOX CREEK WFU</t>
  </si>
  <si>
    <t>GROWLER PEAK</t>
  </si>
  <si>
    <t>KING VALLEY</t>
  </si>
  <si>
    <t>I-5</t>
  </si>
  <si>
    <t>GREY ESTATE-2</t>
  </si>
  <si>
    <t>UNIT 4-05-01</t>
  </si>
  <si>
    <t>HEARTLAND</t>
  </si>
  <si>
    <t>VEGAS</t>
  </si>
  <si>
    <t>GASS</t>
  </si>
  <si>
    <t>COALTON</t>
  </si>
  <si>
    <t>WF WHITES FEE</t>
  </si>
  <si>
    <t>WF 10-11</t>
  </si>
  <si>
    <t>MCLANE</t>
  </si>
  <si>
    <t>727840-99999-2005.gz</t>
  </si>
  <si>
    <t>WASHINGTON CR.</t>
  </si>
  <si>
    <t>DISHNA</t>
  </si>
  <si>
    <t>TOKLAT 2</t>
  </si>
  <si>
    <t>SH RANCH COMPLEX</t>
  </si>
  <si>
    <t>726700-99999-2005.gz</t>
  </si>
  <si>
    <t>GLADSTONE</t>
  </si>
  <si>
    <t>TATUM EAST</t>
  </si>
  <si>
    <t>MCNALLY FLAT</t>
  </si>
  <si>
    <t>WALNUT BEND</t>
  </si>
  <si>
    <t>XO RANCH</t>
  </si>
  <si>
    <t>FM 920</t>
  </si>
  <si>
    <t>THREE POINTS</t>
  </si>
  <si>
    <t>CROSSROADS</t>
  </si>
  <si>
    <t>MITRE PEAK-KING MTN.</t>
  </si>
  <si>
    <t>WAGNER RANCH</t>
  </si>
  <si>
    <t>HUCKABAY</t>
  </si>
  <si>
    <t>BURWICK</t>
  </si>
  <si>
    <t>RINGGOLD</t>
  </si>
  <si>
    <t>83 NORTH</t>
  </si>
  <si>
    <t>722637-99999-2005.gz</t>
  </si>
  <si>
    <t>ROCKER B</t>
  </si>
  <si>
    <t>HARDWICK</t>
  </si>
  <si>
    <t>TATUM WEST</t>
  </si>
  <si>
    <t>3200 FM 303</t>
  </si>
  <si>
    <t>WOOD GULCH</t>
  </si>
  <si>
    <t>726883-99999-2005.gz</t>
  </si>
  <si>
    <t>COTTONVILLE</t>
  </si>
  <si>
    <t>SNAKE ONE</t>
  </si>
  <si>
    <t>MONROE CREEK</t>
  </si>
  <si>
    <t>TRYON</t>
  </si>
  <si>
    <t>PEACHVILLE</t>
  </si>
  <si>
    <t>725555-99999-2005.gz</t>
  </si>
  <si>
    <t>BLAISDELL</t>
  </si>
  <si>
    <t xml:space="preserve">MAURICIO CANYON </t>
  </si>
  <si>
    <t xml:space="preserve">OAKS </t>
  </si>
  <si>
    <t>724555-99999-2005.gz</t>
  </si>
  <si>
    <t>WALKER CANYON</t>
  </si>
  <si>
    <t>JUNIPER CANYON</t>
  </si>
  <si>
    <t>GRIMMETT</t>
  </si>
  <si>
    <t>HAZARD LAKE</t>
  </si>
  <si>
    <t xml:space="preserve">TESLA                    </t>
  </si>
  <si>
    <t>BAY FIRE</t>
  </si>
  <si>
    <t>SPORTSMAN LAKE FIRE</t>
  </si>
  <si>
    <t>CENTRAL HIGH</t>
  </si>
  <si>
    <t>RATLIFF2</t>
  </si>
  <si>
    <t>ARBUCKLE FIRE</t>
  </si>
  <si>
    <t>WEWOKA CR. FIRE</t>
  </si>
  <si>
    <t>ERICK FIRE</t>
  </si>
  <si>
    <t>CLEAR VIEW FIRE</t>
  </si>
  <si>
    <t>725453-99999-2005.gz</t>
  </si>
  <si>
    <t>MCKENZIE HILL</t>
  </si>
  <si>
    <t>NO MANS LAND</t>
  </si>
  <si>
    <t>723600-23051-2006.gz</t>
  </si>
  <si>
    <t>I-40</t>
  </si>
  <si>
    <t>FLATSIDE</t>
  </si>
  <si>
    <t>GOODALE</t>
  </si>
  <si>
    <t>MARTINEZ II</t>
  </si>
  <si>
    <t>SHARPS RIDGE</t>
  </si>
  <si>
    <t>722720-93063-2006.gz</t>
  </si>
  <si>
    <t>723710-03162-2006.gz</t>
  </si>
  <si>
    <t>723740-23194-2006.gz</t>
  </si>
  <si>
    <t>BLACK HORSE CREEK</t>
  </si>
  <si>
    <t>VERDI (STONE RIDGE)</t>
  </si>
  <si>
    <t>DERBY</t>
  </si>
  <si>
    <t>PASSAGE FALLS</t>
  </si>
  <si>
    <t>JUNGLE</t>
  </si>
  <si>
    <t>0564 - MAXWELL FIRE</t>
  </si>
  <si>
    <t>ROBERTS TRACT</t>
  </si>
  <si>
    <t>SPOTTED TAIL #3</t>
  </si>
  <si>
    <t>WATT DRAW</t>
  </si>
  <si>
    <t>SNOW CANYON</t>
  </si>
  <si>
    <t>MILKSHAKE</t>
  </si>
  <si>
    <t>SHERWOOD</t>
  </si>
  <si>
    <t>725824-03170-2006.gz</t>
  </si>
  <si>
    <t>CUB (WFU)</t>
  </si>
  <si>
    <t>CUMMINGS</t>
  </si>
  <si>
    <t>NORTH ELK</t>
  </si>
  <si>
    <t>COLUMBIA COMPLEX</t>
  </si>
  <si>
    <t>EAST ROARING</t>
  </si>
  <si>
    <t>RED MOUNTAIN</t>
  </si>
  <si>
    <t>SOMES</t>
  </si>
  <si>
    <t>727830-24149-2006.gz</t>
  </si>
  <si>
    <t>RALSTON</t>
  </si>
  <si>
    <t>PUZZLE</t>
  </si>
  <si>
    <t>TITUS</t>
  </si>
  <si>
    <t>725946-24286-2006.gz</t>
  </si>
  <si>
    <t>DUNCE WFU</t>
  </si>
  <si>
    <t>KINGSLEY</t>
  </si>
  <si>
    <t>TRIPOD COMPLEX</t>
  </si>
  <si>
    <t>SPUR PEAK</t>
  </si>
  <si>
    <t>TATOOSH</t>
  </si>
  <si>
    <t>VAN METER</t>
  </si>
  <si>
    <t>TAILHOLT CREEK</t>
  </si>
  <si>
    <t>CLARKS CANYON</t>
  </si>
  <si>
    <t>0668 - LAKE GEORGE</t>
  </si>
  <si>
    <t>0570  BLACK CRATER</t>
  </si>
  <si>
    <t>FAMINE LAKE</t>
  </si>
  <si>
    <t>727454-04911-2006.gz</t>
  </si>
  <si>
    <t>ULM PEAK</t>
  </si>
  <si>
    <t>CAVITY LAKE</t>
  </si>
  <si>
    <t>MOUNT CARMEL</t>
  </si>
  <si>
    <t>SKATE</t>
  </si>
  <si>
    <t>MONTEZUMA 1</t>
  </si>
  <si>
    <t>722728-03196-2006.gz</t>
  </si>
  <si>
    <t>HUGHES LAKE FIRE</t>
  </si>
  <si>
    <t>DOG VALLEY</t>
  </si>
  <si>
    <t>BRINS</t>
  </si>
  <si>
    <t>DEVILS DEN</t>
  </si>
  <si>
    <t>GASH</t>
  </si>
  <si>
    <t>ESPERANZA</t>
  </si>
  <si>
    <t>KILN (BAYOU BACON)</t>
  </si>
  <si>
    <t>SULPHUR MOUNTAIN</t>
  </si>
  <si>
    <t>TAMARACK</t>
  </si>
  <si>
    <t>TINPAN</t>
  </si>
  <si>
    <t>727825-94239-2006.gz</t>
  </si>
  <si>
    <t>THORN CREEK</t>
  </si>
  <si>
    <t>MILLARD</t>
  </si>
  <si>
    <t>JIM CREEK WFU</t>
  </si>
  <si>
    <t>726710-24164-2006.gz</t>
  </si>
  <si>
    <t>PURDY</t>
  </si>
  <si>
    <t>725776-24166-2006.gz</t>
  </si>
  <si>
    <t>LITTLE VENUS</t>
  </si>
  <si>
    <t>BIA EMPIRE</t>
  </si>
  <si>
    <t>BIALOCO</t>
  </si>
  <si>
    <t>HARPER SWAMP</t>
  </si>
  <si>
    <t>DANIELS</t>
  </si>
  <si>
    <t>CHAMBERS</t>
  </si>
  <si>
    <t>KENWORTHY</t>
  </si>
  <si>
    <t>STONE MAN CHURCH</t>
  </si>
  <si>
    <t>LUND</t>
  </si>
  <si>
    <t>LIGHTNING COMPLEX</t>
  </si>
  <si>
    <t>GOOD FIRE</t>
  </si>
  <si>
    <t>NAVAJO MOUNTAIN 1</t>
  </si>
  <si>
    <t>ASHLEY LAKE</t>
  </si>
  <si>
    <t>WOLFE POINT #2</t>
  </si>
  <si>
    <t>BIRTHDAY2</t>
  </si>
  <si>
    <t>726654-94054-2006.gz</t>
  </si>
  <si>
    <t>RED LAKE</t>
  </si>
  <si>
    <t>722683-93083-2006.gz</t>
  </si>
  <si>
    <t>NAGEETHLUK RIVER</t>
  </si>
  <si>
    <t>702005-26647-2006.gz</t>
  </si>
  <si>
    <t>KONESS RIVER</t>
  </si>
  <si>
    <t>COLEEN RIVER</t>
  </si>
  <si>
    <t>TAKSLESLUK NORTH</t>
  </si>
  <si>
    <t>702686-00106-2006.gz</t>
  </si>
  <si>
    <t>GRASS RIVER</t>
  </si>
  <si>
    <t>COTTONWOOD 3</t>
  </si>
  <si>
    <t>WHITE HILLS COMPLEX</t>
  </si>
  <si>
    <t>RICO</t>
  </si>
  <si>
    <t>THREE ROCKS</t>
  </si>
  <si>
    <t>SAWTOOTH</t>
  </si>
  <si>
    <t>SHU JUNCTION</t>
  </si>
  <si>
    <t>MARTHAS MUD</t>
  </si>
  <si>
    <t>DITTO REST</t>
  </si>
  <si>
    <t>COLD</t>
  </si>
  <si>
    <t>SAILOR CAP</t>
  </si>
  <si>
    <t>OLD WIND</t>
  </si>
  <si>
    <t>CHUBBY SPAIN</t>
  </si>
  <si>
    <t>ROCKLAND</t>
  </si>
  <si>
    <t>HWY 46 MM 7</t>
  </si>
  <si>
    <t>3 WELLS</t>
  </si>
  <si>
    <t>4WD</t>
  </si>
  <si>
    <t>GOODTIME</t>
  </si>
  <si>
    <t>BUNDY RAILROAD</t>
  </si>
  <si>
    <t>DOVETAIL</t>
  </si>
  <si>
    <t>LARB CREEK</t>
  </si>
  <si>
    <t>HORTON HAY COMPLEX</t>
  </si>
  <si>
    <t>BLACK PULASKI COMPLEX</t>
  </si>
  <si>
    <t>LISCOMB CREEK</t>
  </si>
  <si>
    <t>PACKER GULCH</t>
  </si>
  <si>
    <t>BEATTY</t>
  </si>
  <si>
    <t>LINEHAN</t>
  </si>
  <si>
    <t>VIIRGINIA</t>
  </si>
  <si>
    <t>STORMCLOUD</t>
  </si>
  <si>
    <t>725805-24172-2006.gz</t>
  </si>
  <si>
    <t>BOOTLEGGER</t>
  </si>
  <si>
    <t>SUZIE</t>
  </si>
  <si>
    <t>ELBURZ 1</t>
  </si>
  <si>
    <t>SNEEKEE</t>
  </si>
  <si>
    <t>NORTH ANTELOPE</t>
  </si>
  <si>
    <t>WINTERS</t>
  </si>
  <si>
    <t>BASCO</t>
  </si>
  <si>
    <t>CHARLESTON</t>
  </si>
  <si>
    <t>EAST HUMBOLDT</t>
  </si>
  <si>
    <t>WEBB</t>
  </si>
  <si>
    <t>AMAZON</t>
  </si>
  <si>
    <t>HIKO</t>
  </si>
  <si>
    <t>TEXAS</t>
  </si>
  <si>
    <t>HAMBLY</t>
  </si>
  <si>
    <t>COLUMBUS</t>
  </si>
  <si>
    <t>DUSKY</t>
  </si>
  <si>
    <t>FWS 9</t>
  </si>
  <si>
    <t>POITO</t>
  </si>
  <si>
    <t>SMELSER PASS</t>
  </si>
  <si>
    <t>NORTH BLUE</t>
  </si>
  <si>
    <t>TRIDENT</t>
  </si>
  <si>
    <t>NEW YORK PEAK</t>
  </si>
  <si>
    <t>CENTENNIAL</t>
  </si>
  <si>
    <t>DIAMOND CRATERS</t>
  </si>
  <si>
    <t>726876-00387-2006.gz</t>
  </si>
  <si>
    <t>BASQUE WELLS</t>
  </si>
  <si>
    <t>PUEBLO FIRE</t>
  </si>
  <si>
    <t>GRANDDAD</t>
  </si>
  <si>
    <t>CRATERS</t>
  </si>
  <si>
    <t>0893 BAKER CANYON</t>
  </si>
  <si>
    <t>JERRY WELLS</t>
  </si>
  <si>
    <t>HAPPY VALLEY</t>
  </si>
  <si>
    <t>FOSTER GULCH</t>
  </si>
  <si>
    <t>STAR MTN</t>
  </si>
  <si>
    <t>MOORES HOLLOW</t>
  </si>
  <si>
    <t>JACKIES BUTTE</t>
  </si>
  <si>
    <t>KOLOB</t>
  </si>
  <si>
    <t>JARVIS</t>
  </si>
  <si>
    <t>BULL COMPLEX</t>
  </si>
  <si>
    <t>REILLY</t>
  </si>
  <si>
    <t>TUNNEL ROAD</t>
  </si>
  <si>
    <t>SCORPIO</t>
  </si>
  <si>
    <t>725750-24126-2006.gz</t>
  </si>
  <si>
    <t>HOGUPS</t>
  </si>
  <si>
    <t>HIGHLAND ROAD</t>
  </si>
  <si>
    <t>BUFFALO CREEK FIRE</t>
  </si>
  <si>
    <t>HORSE CREEK 2</t>
  </si>
  <si>
    <t>OUTLAW 2</t>
  </si>
  <si>
    <t>LITTLE POWDER</t>
  </si>
  <si>
    <t>TRACER</t>
  </si>
  <si>
    <t>TWENTY MILE</t>
  </si>
  <si>
    <t>OLD CHICAGO</t>
  </si>
  <si>
    <t>JACKSON CANYON</t>
  </si>
  <si>
    <t>POISON SPIDER</t>
  </si>
  <si>
    <t>THORN DIVIDE COMPLEX</t>
  </si>
  <si>
    <t>LITTLE CANYON CREEK</t>
  </si>
  <si>
    <t>RED EAGLE</t>
  </si>
  <si>
    <t>HWY 152</t>
  </si>
  <si>
    <t>MAGPIE</t>
  </si>
  <si>
    <t>726763-24198-2006.gz</t>
  </si>
  <si>
    <t>BULLFROG</t>
  </si>
  <si>
    <t>MEMORIAL DAY FIRE</t>
  </si>
  <si>
    <t>AIRBOAT</t>
  </si>
  <si>
    <t>CIBOLA</t>
  </si>
  <si>
    <t>FLAT TIRE</t>
  </si>
  <si>
    <t>MARCIAL</t>
  </si>
  <si>
    <t>COPPERHEAD DEN</t>
  </si>
  <si>
    <t>726883-04113-2006.gz</t>
  </si>
  <si>
    <t>LITTLE DELTA RIVER</t>
  </si>
  <si>
    <t>702915-26486-2006.gz</t>
  </si>
  <si>
    <t>MAC DADDY FIRE</t>
  </si>
  <si>
    <t>BASS FIRE</t>
  </si>
  <si>
    <t>CHARLIE FIRE</t>
  </si>
  <si>
    <t>CORBETT TRAIL</t>
  </si>
  <si>
    <t>722030-12844-2006.gz</t>
  </si>
  <si>
    <t>4 TRACK FIRE</t>
  </si>
  <si>
    <t>BERG FIRE</t>
  </si>
  <si>
    <t>HEAT FIRE</t>
  </si>
  <si>
    <t>THE DEERFLY FIRE</t>
  </si>
  <si>
    <t>OLA COMPLEX</t>
  </si>
  <si>
    <t>PEATLAND FIRE</t>
  </si>
  <si>
    <t>PINE RIDGE COMPLEX</t>
  </si>
  <si>
    <t>EMERALD HILLS</t>
  </si>
  <si>
    <t>CASA</t>
  </si>
  <si>
    <t>CLAPHAM</t>
  </si>
  <si>
    <t>GLADSTONE COMPLEX</t>
  </si>
  <si>
    <t>EICKS DRAW</t>
  </si>
  <si>
    <t>OJO FELIZ</t>
  </si>
  <si>
    <t>LUMBRE</t>
  </si>
  <si>
    <t>LEVI</t>
  </si>
  <si>
    <t>BORICA</t>
  </si>
  <si>
    <t>CERRO FIRE</t>
  </si>
  <si>
    <t>HARDING PLEX</t>
  </si>
  <si>
    <t>RIVERA MESA</t>
  </si>
  <si>
    <t>TAIBAN</t>
  </si>
  <si>
    <t>WILTON</t>
  </si>
  <si>
    <t>PEP 2</t>
  </si>
  <si>
    <t>DAVIS #3</t>
  </si>
  <si>
    <t>HUNT MILL HOLLOW FIRE</t>
  </si>
  <si>
    <t>WILCOX</t>
  </si>
  <si>
    <t>HWY 54 COMPLEX</t>
  </si>
  <si>
    <t>PALO DURO EAST</t>
  </si>
  <si>
    <t>WEST TANK</t>
  </si>
  <si>
    <t>SPIKE BOX COMPLEX</t>
  </si>
  <si>
    <t>SPIKE KING</t>
  </si>
  <si>
    <t>CADDO II COMPLEX</t>
  </si>
  <si>
    <t>BUCKLE L 2</t>
  </si>
  <si>
    <t>MOBEETIE NORTH</t>
  </si>
  <si>
    <t>OLDHAM BOY'S RANCH</t>
  </si>
  <si>
    <t>CANADIAN NORTH</t>
  </si>
  <si>
    <t>GUADALUPE RANCH</t>
  </si>
  <si>
    <t>DEVILS CANYON</t>
  </si>
  <si>
    <t>BLUE CANYON</t>
  </si>
  <si>
    <t>ENCINAL</t>
  </si>
  <si>
    <t>MELLEMA</t>
  </si>
  <si>
    <t>HARDIN FIRE</t>
  </si>
  <si>
    <t>BOWERS CITY</t>
  </si>
  <si>
    <t>CVFD NUMBER 70</t>
  </si>
  <si>
    <t>BIPPUS CHURCH</t>
  </si>
  <si>
    <t>HWY 37</t>
  </si>
  <si>
    <t>OAK CITY CANYON</t>
  </si>
  <si>
    <t>727900-24141-2006.gz</t>
  </si>
  <si>
    <t>FEBRUARY</t>
  </si>
  <si>
    <t>GRAN</t>
  </si>
  <si>
    <t>BAKE-OVEN</t>
  </si>
  <si>
    <t>WHITE OWL</t>
  </si>
  <si>
    <t>PARKS HIGHWAY</t>
  </si>
  <si>
    <t>702600-26435-2006.gz</t>
  </si>
  <si>
    <t>BLACK MOUNTAIN COMPL</t>
  </si>
  <si>
    <t>HODGEMAN WEST</t>
  </si>
  <si>
    <t>724510-13985-2006.gz</t>
  </si>
  <si>
    <t>GASS COMPLEX</t>
  </si>
  <si>
    <t>I-76</t>
  </si>
  <si>
    <t>724698-24015-2006.gz</t>
  </si>
  <si>
    <t>OLINGHOUSE</t>
  </si>
  <si>
    <t>CHEYENNE FIRE</t>
  </si>
  <si>
    <t>OBEE</t>
  </si>
  <si>
    <t>724475-93909-2006.gz</t>
  </si>
  <si>
    <t>VELMA</t>
  </si>
  <si>
    <t>HODGEMAN EAST</t>
  </si>
  <si>
    <t>254 FIRE</t>
  </si>
  <si>
    <t>724504-03974-2006.gz</t>
  </si>
  <si>
    <t>MEADE</t>
  </si>
  <si>
    <t>MATO VEGA</t>
  </si>
  <si>
    <t xml:space="preserve">MILE 208 </t>
  </si>
  <si>
    <t>724585-93997-2006.gz</t>
  </si>
  <si>
    <t>TWELTH STREET</t>
  </si>
  <si>
    <t>STONE 2</t>
  </si>
  <si>
    <t>SHEKELL</t>
  </si>
  <si>
    <t>SODA CREEK FIRE</t>
  </si>
  <si>
    <t>MEEKS</t>
  </si>
  <si>
    <t>CHARLIE O'BRIEN FIRE</t>
  </si>
  <si>
    <t>CHANDLER</t>
  </si>
  <si>
    <t>NORTH LOCO</t>
  </si>
  <si>
    <t>BIG SPRING FIRE</t>
  </si>
  <si>
    <t>SIOUX COUNTY COMPLEX</t>
  </si>
  <si>
    <t>725763-94053-2006.gz</t>
  </si>
  <si>
    <t>BRANTLEY CABIN</t>
  </si>
  <si>
    <t>HAM LAKE</t>
  </si>
  <si>
    <t>727454-04911-2007.gz</t>
  </si>
  <si>
    <t>HL</t>
  </si>
  <si>
    <t>BIRDIE</t>
  </si>
  <si>
    <t>725864-94182-2007.gz</t>
  </si>
  <si>
    <t>JAMES</t>
  </si>
  <si>
    <t>723826-93194-2007.gz</t>
  </si>
  <si>
    <t>TRAPPER RIDGE</t>
  </si>
  <si>
    <t>726824-04112-2007.gz</t>
  </si>
  <si>
    <t>GOLDLEDGE</t>
  </si>
  <si>
    <t>SOLDIER CREEK COMPLE</t>
  </si>
  <si>
    <t>MOONLIGHT</t>
  </si>
  <si>
    <t>WHEELER</t>
  </si>
  <si>
    <t>SHEEP TRAIL</t>
  </si>
  <si>
    <t>TROUT MEADOWS</t>
  </si>
  <si>
    <t>727830-24149-2007.gz</t>
  </si>
  <si>
    <t>RED BLUFF</t>
  </si>
  <si>
    <t>GRAY'S CREEK</t>
  </si>
  <si>
    <t>FOOL CREEK</t>
  </si>
  <si>
    <t>ANGORA</t>
  </si>
  <si>
    <t>RAILLEY</t>
  </si>
  <si>
    <t>CORPORAL</t>
  </si>
  <si>
    <t>GOAT WFU</t>
  </si>
  <si>
    <t>COTTONWOOD WFU</t>
  </si>
  <si>
    <t>TAG WFU</t>
  </si>
  <si>
    <t>POE CABIN</t>
  </si>
  <si>
    <t>MADISON ARM</t>
  </si>
  <si>
    <t>726763-24198-2007.gz</t>
  </si>
  <si>
    <t>FLETCHER</t>
  </si>
  <si>
    <t>BEAR WFU</t>
  </si>
  <si>
    <t>SADDLE GULCH</t>
  </si>
  <si>
    <t>CHIEF PARISH</t>
  </si>
  <si>
    <t>WICKED CREEK</t>
  </si>
  <si>
    <t>726798-24150-2007.gz</t>
  </si>
  <si>
    <t>ROMBO</t>
  </si>
  <si>
    <t>COLUMBINE</t>
  </si>
  <si>
    <t>726664-94173-2007.gz</t>
  </si>
  <si>
    <t>JIM CANYON</t>
  </si>
  <si>
    <t>MONUMENTAL</t>
  </si>
  <si>
    <t>RIORDON</t>
  </si>
  <si>
    <t>PROFILE</t>
  </si>
  <si>
    <t>ZACA</t>
  </si>
  <si>
    <t>723762-93244-2007.gz</t>
  </si>
  <si>
    <t>RAINES</t>
  </si>
  <si>
    <t>ZENA CREEK</t>
  </si>
  <si>
    <t>EL CAPITAN WEST</t>
  </si>
  <si>
    <t>ELKHORN RIDGE</t>
  </si>
  <si>
    <t>HARRINGTON RIDGE</t>
  </si>
  <si>
    <t>MAGRUDER MTN #1</t>
  </si>
  <si>
    <t>SHORTOFF</t>
  </si>
  <si>
    <t>BONE CREEK</t>
  </si>
  <si>
    <t>LITTLE GOOSE</t>
  </si>
  <si>
    <t>726654-94054-2007.gz</t>
  </si>
  <si>
    <t>726837-24162-2007.gz</t>
  </si>
  <si>
    <t>DOMKE</t>
  </si>
  <si>
    <t>SHOWERBATH</t>
  </si>
  <si>
    <t>MERIWETHER</t>
  </si>
  <si>
    <t>727750-24143-2007.gz</t>
  </si>
  <si>
    <t>BOUNDARY JUNCTION</t>
  </si>
  <si>
    <t>BLACK PINE 2</t>
  </si>
  <si>
    <t>EASY STREET</t>
  </si>
  <si>
    <t>LOON LAKE</t>
  </si>
  <si>
    <t>FRENCH CREEK WFU</t>
  </si>
  <si>
    <t>SKYLAND</t>
  </si>
  <si>
    <t>SILVER FIRE</t>
  </si>
  <si>
    <t>GW</t>
  </si>
  <si>
    <t>PATTENGAIL</t>
  </si>
  <si>
    <t>EGLEY</t>
  </si>
  <si>
    <t>RAT CREEK</t>
  </si>
  <si>
    <t>CONGER CREEK</t>
  </si>
  <si>
    <t>SANTIAGO</t>
  </si>
  <si>
    <t>FLORIDA BUGABOO</t>
  </si>
  <si>
    <t>FISHER POINT</t>
  </si>
  <si>
    <t>WYMAN #2</t>
  </si>
  <si>
    <t>CHIMNEY COMPLEX</t>
  </si>
  <si>
    <t>DUTCH WILDFIRE USE</t>
  </si>
  <si>
    <t>BUTLER 2</t>
  </si>
  <si>
    <t>RICE</t>
  </si>
  <si>
    <t>POOMACHA</t>
  </si>
  <si>
    <t>HARDSCRABBLE</t>
  </si>
  <si>
    <t>JUNGLE RX BURN</t>
  </si>
  <si>
    <t>BRUSH CREEK</t>
  </si>
  <si>
    <t>BULLSEYE FIRE</t>
  </si>
  <si>
    <t>RL005</t>
  </si>
  <si>
    <t>COYOTE CREEK</t>
  </si>
  <si>
    <t>GARCEAU</t>
  </si>
  <si>
    <t>JOCKO LAKES</t>
  </si>
  <si>
    <t>BIDDLE PASS</t>
  </si>
  <si>
    <t>SOUTH OMAK LAKE</t>
  </si>
  <si>
    <t>MANILA CREEK</t>
  </si>
  <si>
    <t>BLUERIVER</t>
  </si>
  <si>
    <t>NEOLA NORTH</t>
  </si>
  <si>
    <t>SULUKNA RIVER</t>
  </si>
  <si>
    <t>HODZANA RIVER</t>
  </si>
  <si>
    <t>MOOSEHEART</t>
  </si>
  <si>
    <t>WEST CRAZY</t>
  </si>
  <si>
    <t>701046-26418-2007.gz</t>
  </si>
  <si>
    <t>WOODCHOPPER 2</t>
  </si>
  <si>
    <t>701970-99999-2007.gz</t>
  </si>
  <si>
    <t>702315-26536-2007.gz</t>
  </si>
  <si>
    <t>CARIBOU HILLS</t>
  </si>
  <si>
    <t>703410-25507-2007.gz</t>
  </si>
  <si>
    <t>PALDO</t>
  </si>
  <si>
    <t>CHARLEY RIVER</t>
  </si>
  <si>
    <t>701975-26422-2007.gz</t>
  </si>
  <si>
    <t>COFFEE CAN LAKE</t>
  </si>
  <si>
    <t>702220-26501-2007.gz</t>
  </si>
  <si>
    <t>HOT SPRINGS CREEK 1</t>
  </si>
  <si>
    <t>701730-26535-2007.gz</t>
  </si>
  <si>
    <t>HOT SPRINGS CREEK 2</t>
  </si>
  <si>
    <t>LITTLE BIG CREEK</t>
  </si>
  <si>
    <t>RUNT CREEK</t>
  </si>
  <si>
    <t>COLEEN</t>
  </si>
  <si>
    <t>ANAKTUVUK RIVER</t>
  </si>
  <si>
    <t>701625-26542-2007.gz</t>
  </si>
  <si>
    <t>BLACKROCK GULCH</t>
  </si>
  <si>
    <t>ALAMBRE</t>
  </si>
  <si>
    <t>TAR</t>
  </si>
  <si>
    <t>LICK</t>
  </si>
  <si>
    <t>LONE TREE</t>
  </si>
  <si>
    <t>724674-94050-2007.gz</t>
  </si>
  <si>
    <t>BRUNEAU ARMS COMPLEX</t>
  </si>
  <si>
    <t>NICHOL</t>
  </si>
  <si>
    <t>JIM SAGE</t>
  </si>
  <si>
    <t>TWO SPOTS</t>
  </si>
  <si>
    <t>GUN CANYON</t>
  </si>
  <si>
    <t>GEM COUNTY</t>
  </si>
  <si>
    <t>726813-94195-2007.gz</t>
  </si>
  <si>
    <t>725785-24145-2007.gz</t>
  </si>
  <si>
    <t>725827-94190-2007.gz</t>
  </si>
  <si>
    <t>INSIDE DESERT</t>
  </si>
  <si>
    <t>ELK MOUNTAIN</t>
  </si>
  <si>
    <t>BALD MOUNTAIN</t>
  </si>
  <si>
    <t>CRUTCHER CROSSING</t>
  </si>
  <si>
    <t>COW CANYON</t>
  </si>
  <si>
    <t>WOOD</t>
  </si>
  <si>
    <t>RED BRIDGE</t>
  </si>
  <si>
    <t>SHOESTRING</t>
  </si>
  <si>
    <t>BEAR DEN BUTTE</t>
  </si>
  <si>
    <t>BLACK COULEE</t>
  </si>
  <si>
    <t>727680-94008-2007.gz</t>
  </si>
  <si>
    <t>MILE MARKER 124</t>
  </si>
  <si>
    <t>CARICO</t>
  </si>
  <si>
    <t>725835-24119-2007.gz</t>
  </si>
  <si>
    <t>PARIS</t>
  </si>
  <si>
    <t>ELEPHANT HEAD</t>
  </si>
  <si>
    <t>CAIN MT</t>
  </si>
  <si>
    <t>ADRIAN 1</t>
  </si>
  <si>
    <t>WNA 9</t>
  </si>
  <si>
    <t>BARTH</t>
  </si>
  <si>
    <t>ECCLES</t>
  </si>
  <si>
    <t>HEPWORTH</t>
  </si>
  <si>
    <t>PETAN WILSON</t>
  </si>
  <si>
    <t>HD SUMMIT</t>
  </si>
  <si>
    <t>SCOTT CREEK</t>
  </si>
  <si>
    <t>CASTLE PLACE</t>
  </si>
  <si>
    <t>BOBS FLAT 3</t>
  </si>
  <si>
    <t>BOO HOO</t>
  </si>
  <si>
    <t>RED HOUSE COMPLEX</t>
  </si>
  <si>
    <t>PARTY</t>
  </si>
  <si>
    <t>TIPPETTS</t>
  </si>
  <si>
    <t>725810-24193-2007.gz</t>
  </si>
  <si>
    <t>TUNGSTEN</t>
  </si>
  <si>
    <t>BARREL SPRINGS</t>
  </si>
  <si>
    <t>RED HILLS</t>
  </si>
  <si>
    <t>NM 113</t>
  </si>
  <si>
    <t>ROUND TOP BUTTE</t>
  </si>
  <si>
    <t>BARTLETT MOUNTAIN</t>
  </si>
  <si>
    <t>0496 FOSSIL CREEK</t>
  </si>
  <si>
    <t>SADDLE BUTTE</t>
  </si>
  <si>
    <t>CLARK BUTTE</t>
  </si>
  <si>
    <t>JUNIPER RESERVOIR</t>
  </si>
  <si>
    <t>OLD MAID</t>
  </si>
  <si>
    <t>IRISH SPRING</t>
  </si>
  <si>
    <t>MILFORD FLAT</t>
  </si>
  <si>
    <t>724797-23176-2007.gz</t>
  </si>
  <si>
    <t>DAKOTA HILL</t>
  </si>
  <si>
    <t>740030-24103-2007.gz</t>
  </si>
  <si>
    <t>HANSEL 1</t>
  </si>
  <si>
    <t>MERCER</t>
  </si>
  <si>
    <t>MOFFIDA</t>
  </si>
  <si>
    <t>KIMBELL</t>
  </si>
  <si>
    <t>725720-24127-2007.gz</t>
  </si>
  <si>
    <t>DAIRY VALLEY</t>
  </si>
  <si>
    <t>LOCOMOTIVE</t>
  </si>
  <si>
    <t>DUFFY</t>
  </si>
  <si>
    <t>DIG DUG</t>
  </si>
  <si>
    <t>DOUGLAS CREEK</t>
  </si>
  <si>
    <t>SIX PRONG</t>
  </si>
  <si>
    <t>TUNK GRADE</t>
  </si>
  <si>
    <t>BLACK ROCK LAKE</t>
  </si>
  <si>
    <t>ROOSEVELT WFU</t>
  </si>
  <si>
    <t>BOWERS RANCH</t>
  </si>
  <si>
    <t>722885-93197-2007.gz</t>
  </si>
  <si>
    <t>BICY COMPLEX</t>
  </si>
  <si>
    <t>DOF #206 ^8 &amp; MERRITT</t>
  </si>
  <si>
    <t>DOF 256</t>
  </si>
  <si>
    <t>SCARED ARMADILLO</t>
  </si>
  <si>
    <t>GA-12 (SWEAT FARM RD.)</t>
  </si>
  <si>
    <t>BIG TURNAROUND</t>
  </si>
  <si>
    <t>NJ NJFFS WF ASSIST WARREN GROVE</t>
  </si>
  <si>
    <t>WF BILL WHITE EASEMENT OP'S</t>
  </si>
  <si>
    <t>727840-94187-2007.gz</t>
  </si>
  <si>
    <t>HWY 24 MP 60</t>
  </si>
  <si>
    <t>MILEPOST 17</t>
  </si>
  <si>
    <t>WAUTOMA</t>
  </si>
  <si>
    <t>LITTLE DELTA</t>
  </si>
  <si>
    <t>702670-26415-2007.gz</t>
  </si>
  <si>
    <t>SU RIVER</t>
  </si>
  <si>
    <t>702745-26560-2007.gz</t>
  </si>
  <si>
    <t>MOONSHINE BAY</t>
  </si>
  <si>
    <t>APRILS FOOLS</t>
  </si>
  <si>
    <t>722039-12885-2007.gz</t>
  </si>
  <si>
    <t>BIG PINES</t>
  </si>
  <si>
    <t>FAKAHATCHEE 07</t>
  </si>
  <si>
    <t>PATERSON</t>
  </si>
  <si>
    <t>DARKNESS</t>
  </si>
  <si>
    <t>FRANCIS TAYLOR</t>
  </si>
  <si>
    <t>722037-92809-2007.gz</t>
  </si>
  <si>
    <t>DAIRY ROAD</t>
  </si>
  <si>
    <t>MIDDLE OF NOWHERE</t>
  </si>
  <si>
    <t>FROG LIGHT</t>
  </si>
  <si>
    <t>MSC</t>
  </si>
  <si>
    <t>ROUNDABOUT SWAMP FIRE</t>
  </si>
  <si>
    <t>JUNEBERRY</t>
  </si>
  <si>
    <t>CARROLL/HAMRE</t>
  </si>
  <si>
    <t>LAST DAY FIRE</t>
  </si>
  <si>
    <t>727478-04934-2007.gz</t>
  </si>
  <si>
    <t>CHI CHI</t>
  </si>
  <si>
    <t>CHITUM</t>
  </si>
  <si>
    <t>NM 467</t>
  </si>
  <si>
    <t>SIX</t>
  </si>
  <si>
    <t>ALABAUGH</t>
  </si>
  <si>
    <t>722689-23077-2007.gz</t>
  </si>
  <si>
    <t>HUDSPETH RANCH</t>
  </si>
  <si>
    <t>722616-03032-2007.gz</t>
  </si>
  <si>
    <t>285 FIRE</t>
  </si>
  <si>
    <t>722338-12994-2007.gz</t>
  </si>
  <si>
    <t>GREENVILLE</t>
  </si>
  <si>
    <t>OWENS BUTTE</t>
  </si>
  <si>
    <t>OJO PEAK</t>
  </si>
  <si>
    <t>MURPHY COMPLEX</t>
  </si>
  <si>
    <t>SALT CREEK  STATE51</t>
  </si>
  <si>
    <t>GOMEZ</t>
  </si>
  <si>
    <t>723676-23048-2007.gz</t>
  </si>
  <si>
    <t>LEXINGTON</t>
  </si>
  <si>
    <t>724510-13985-2007.gz</t>
  </si>
  <si>
    <t>SRR13</t>
  </si>
  <si>
    <t>TRAINING FIRE</t>
  </si>
  <si>
    <t>722920-23191-2007.gz</t>
  </si>
  <si>
    <t>LAS FLORES</t>
  </si>
  <si>
    <t>COLEMAN/JUNIPER</t>
  </si>
  <si>
    <t>LES BLAIR</t>
  </si>
  <si>
    <t>MFC SOUTH FIRE</t>
  </si>
  <si>
    <t>AMMO FIRE</t>
  </si>
  <si>
    <t>WOODS CTY. FIRE</t>
  </si>
  <si>
    <t>722052-53933-2007.gz</t>
  </si>
  <si>
    <t>AETNA FIRE</t>
  </si>
  <si>
    <t>MALTESE FIRE</t>
  </si>
  <si>
    <t>FRYE MESA</t>
  </si>
  <si>
    <t>ST. MARY'S</t>
  </si>
  <si>
    <t>722728-03196-2008.gz</t>
  </si>
  <si>
    <t>INDIANS</t>
  </si>
  <si>
    <t>WHITMIRE</t>
  </si>
  <si>
    <t>JACK WOOD</t>
  </si>
  <si>
    <t>BASIN COMPLEX</t>
  </si>
  <si>
    <t>725846-93201-2008.gz</t>
  </si>
  <si>
    <t>TRIGO</t>
  </si>
  <si>
    <t>WOOD HUMP</t>
  </si>
  <si>
    <t>726865-24196-2008.gz</t>
  </si>
  <si>
    <t>726700-24045-2008.gz</t>
  </si>
  <si>
    <t>724646-03028-2008.gz</t>
  </si>
  <si>
    <t>DISTILLERY</t>
  </si>
  <si>
    <t>MINERS</t>
  </si>
  <si>
    <t>LIME</t>
  </si>
  <si>
    <t>TROUGH #1</t>
  </si>
  <si>
    <t>NOBLE</t>
  </si>
  <si>
    <t>DEERLICK</t>
  </si>
  <si>
    <t>VINEGAR</t>
  </si>
  <si>
    <t>ONION 2</t>
  </si>
  <si>
    <t>HOT AIR</t>
  </si>
  <si>
    <t>LANE 2</t>
  </si>
  <si>
    <t>723723-23184-2008.gz</t>
  </si>
  <si>
    <t>GUNBARREL</t>
  </si>
  <si>
    <t>726664-94173-2008.gz</t>
  </si>
  <si>
    <t>E. SLIDE ROCK RIDGE</t>
  </si>
  <si>
    <t>CHALK</t>
  </si>
  <si>
    <t>LONG BRANCH-JACK</t>
  </si>
  <si>
    <t>723826-93194-2008.gz</t>
  </si>
  <si>
    <t>GNARL RIDGE</t>
  </si>
  <si>
    <t>726987-94204-2008.gz</t>
  </si>
  <si>
    <t>BLUE 2</t>
  </si>
  <si>
    <t>HALF</t>
  </si>
  <si>
    <t>725940-24213-2008.gz</t>
  </si>
  <si>
    <t>HAYPRESS</t>
  </si>
  <si>
    <t>WESTVILLE</t>
  </si>
  <si>
    <t>WILLOW WFU</t>
  </si>
  <si>
    <t>MAREK</t>
  </si>
  <si>
    <t>CAREY</t>
  </si>
  <si>
    <t>MOTION</t>
  </si>
  <si>
    <t>TEHIPITE</t>
  </si>
  <si>
    <t>SOUTH BARKER</t>
  </si>
  <si>
    <t>WHITE TANK</t>
  </si>
  <si>
    <t>GUM BAY</t>
  </si>
  <si>
    <t>WESTY</t>
  </si>
  <si>
    <t>727833-04114-2008.gz</t>
  </si>
  <si>
    <t>SCOTCH</t>
  </si>
  <si>
    <t>NEW FORK</t>
  </si>
  <si>
    <t>TELEGRAPH</t>
  </si>
  <si>
    <t>0741 BRIDGE CREEK</t>
  </si>
  <si>
    <t>ELKHORN 2</t>
  </si>
  <si>
    <t>722825-53145-2008.gz</t>
  </si>
  <si>
    <t>SAYRE</t>
  </si>
  <si>
    <t>MARTEEN WFU</t>
  </si>
  <si>
    <t>ARBUCKLE MOUNTAINS</t>
  </si>
  <si>
    <t>722173-53951-2008.gz</t>
  </si>
  <si>
    <t>WILD HORSES</t>
  </si>
  <si>
    <t>CENTRAL GRADE FIRE</t>
  </si>
  <si>
    <t>725784-04109-2008.gz</t>
  </si>
  <si>
    <t>COLUMBIA RIVER ROAD</t>
  </si>
  <si>
    <t>FOUR MILE RD.</t>
  </si>
  <si>
    <t>SOUTH TULAROSA</t>
  </si>
  <si>
    <t>ETHAN</t>
  </si>
  <si>
    <t>722788-03186-2008.gz</t>
  </si>
  <si>
    <t>SHEENJEK RIVER</t>
  </si>
  <si>
    <t>701940-26413-2008.gz</t>
  </si>
  <si>
    <t>DISCOVERY SOUTH</t>
  </si>
  <si>
    <t>PRF</t>
  </si>
  <si>
    <t>BLIND LUCK</t>
  </si>
  <si>
    <t>701793-26524-2008.gz</t>
  </si>
  <si>
    <t>SESNON</t>
  </si>
  <si>
    <t>MEU ORR</t>
  </si>
  <si>
    <t>MEU RED MTN 1 3</t>
  </si>
  <si>
    <t>SHU MOTION DEMOCRAT</t>
  </si>
  <si>
    <t>HUU WALKER</t>
  </si>
  <si>
    <t>LMU PETERSON COM</t>
  </si>
  <si>
    <t>725700-24046-2008.gz</t>
  </si>
  <si>
    <t>NORTH MINIDOKA</t>
  </si>
  <si>
    <t>725867-24133-2008.gz</t>
  </si>
  <si>
    <t>SHOSHONE BASIN</t>
  </si>
  <si>
    <t>NEIBAUR</t>
  </si>
  <si>
    <t>SAND SHED</t>
  </si>
  <si>
    <t>NATURE</t>
  </si>
  <si>
    <t>KNOWLTON COMPLEX</t>
  </si>
  <si>
    <t>CENTER PEAK FIRE</t>
  </si>
  <si>
    <t>CHOLLA</t>
  </si>
  <si>
    <t>BONNIE</t>
  </si>
  <si>
    <t>SILVIES RIVER FIRE</t>
  </si>
  <si>
    <t>0250 JACK KNIFE</t>
  </si>
  <si>
    <t>0284    I284</t>
  </si>
  <si>
    <t>726883-04113-2008.gz</t>
  </si>
  <si>
    <t>287 DEEP CREEK</t>
  </si>
  <si>
    <t>0291 SAYERS</t>
  </si>
  <si>
    <t>325 MILL FIRE</t>
  </si>
  <si>
    <t>577 NORTH POLE RIDGE</t>
  </si>
  <si>
    <t>0650 SAYRS 2</t>
  </si>
  <si>
    <t>1041 BIG COVE</t>
  </si>
  <si>
    <t>BAIRD SPRINGS</t>
  </si>
  <si>
    <t>BADGER MT</t>
  </si>
  <si>
    <t>SWANSON LAKES</t>
  </si>
  <si>
    <t>GENE HOWE</t>
  </si>
  <si>
    <t>POLARIS</t>
  </si>
  <si>
    <t>994710-99999-2008.gz</t>
  </si>
  <si>
    <t>LEHARDY</t>
  </si>
  <si>
    <t>WHISKEYTOWN COMPLEX</t>
  </si>
  <si>
    <t>MUSTANG CORNER</t>
  </si>
  <si>
    <t>THREE LAKES 08</t>
  </si>
  <si>
    <t>701046-26418-2008.gz</t>
  </si>
  <si>
    <t>EVANS ROAD FIRE</t>
  </si>
  <si>
    <t>BYRON</t>
  </si>
  <si>
    <t>722052-53933-2008.gz</t>
  </si>
  <si>
    <t>COAL PLANT</t>
  </si>
  <si>
    <t>WF UNIT 3-2008-1</t>
  </si>
  <si>
    <t>JONES RANCH</t>
  </si>
  <si>
    <t>SOUTH 1</t>
  </si>
  <si>
    <t>727827-24110-2008.gz</t>
  </si>
  <si>
    <t>SAN FILIPPO</t>
  </si>
  <si>
    <t>MYAKKA CUT</t>
  </si>
  <si>
    <t>THE HOLY LAND FIRE</t>
  </si>
  <si>
    <t>722039-12885-2008.gz</t>
  </si>
  <si>
    <t>DUNN MOUNTAIN ASSIST</t>
  </si>
  <si>
    <t>CHOUTEAU CO COMPLEX</t>
  </si>
  <si>
    <t>727755-24112-2008.gz</t>
  </si>
  <si>
    <t>KATHRYN</t>
  </si>
  <si>
    <t>GOLDEN VALLEY COMPLEX</t>
  </si>
  <si>
    <t>725140-14778-2008.gz</t>
  </si>
  <si>
    <t>720354-63901-2008.gz</t>
  </si>
  <si>
    <t>MESQUITE GROVE</t>
  </si>
  <si>
    <t>COTULLA</t>
  </si>
  <si>
    <t>KERR COUNTY COMPLEX</t>
  </si>
  <si>
    <t>GARVEN STORE COMPLEX</t>
  </si>
  <si>
    <t>ARCHER CO</t>
  </si>
  <si>
    <t>ROWDEN FIRE</t>
  </si>
  <si>
    <t>GLASS</t>
  </si>
  <si>
    <t>GRAND FALLS</t>
  </si>
  <si>
    <t>SCURRY COUNTY COMPLEX</t>
  </si>
  <si>
    <t>WEST HACKBERRY</t>
  </si>
  <si>
    <t>MACY</t>
  </si>
  <si>
    <t>HIGHWAY 322</t>
  </si>
  <si>
    <t>BORDEN COUNTY COMPLEX</t>
  </si>
  <si>
    <t>BURNS RANCH</t>
  </si>
  <si>
    <t>ROCKING JBH</t>
  </si>
  <si>
    <t>722654-23091-2008.gz</t>
  </si>
  <si>
    <t>HUCKABEE</t>
  </si>
  <si>
    <t>CRANE</t>
  </si>
  <si>
    <t>ELLISON</t>
  </si>
  <si>
    <t>HUGHES RANCH</t>
  </si>
  <si>
    <t>PINTAIL FLAT</t>
  </si>
  <si>
    <t>725750-24126-2008.gz</t>
  </si>
  <si>
    <t>724113-53881-2008.gz</t>
  </si>
  <si>
    <t>PORCUPINE RANCH</t>
  </si>
  <si>
    <t>OLDE STAGE FIRE</t>
  </si>
  <si>
    <t>724699-03065-2008.gz</t>
  </si>
  <si>
    <t>PASA MONTE</t>
  </si>
  <si>
    <t>723600-23051-2008.gz</t>
  </si>
  <si>
    <t>JAL</t>
  </si>
  <si>
    <t>724839-93225-2008.gz</t>
  </si>
  <si>
    <t>LAKE CITY</t>
  </si>
  <si>
    <t>745430-93978-2008.gz</t>
  </si>
  <si>
    <t>EIGHTY-TWO FIRE</t>
  </si>
  <si>
    <t>KIOWA</t>
  </si>
  <si>
    <t>GOFF CREEK</t>
  </si>
  <si>
    <t>722678-23052-2008.gz</t>
  </si>
  <si>
    <t>BUCKEYE 4</t>
  </si>
  <si>
    <t>ORDWAY CROWLEY CO</t>
  </si>
  <si>
    <t>724636-03013-2008.gz</t>
  </si>
  <si>
    <t>ELDRIDGE</t>
  </si>
  <si>
    <t>TA-25</t>
  </si>
  <si>
    <t>724680-94015-2008.gz</t>
  </si>
  <si>
    <t>SMITH LAKE FIRE</t>
  </si>
  <si>
    <t>BARBER COUNTY</t>
  </si>
  <si>
    <t>ATOKA LAKE FIRE</t>
  </si>
  <si>
    <t>ELLIOTT</t>
  </si>
  <si>
    <t>JULIETT</t>
  </si>
  <si>
    <t xml:space="preserve">HWY 41  / HWY 145 20     </t>
  </si>
  <si>
    <t xml:space="preserve">5-8 MALLO-B LIGHTNING    </t>
  </si>
  <si>
    <t xml:space="preserve">HARDY RIDGE LIGHTNING    </t>
  </si>
  <si>
    <t xml:space="preserve">WILD                     </t>
  </si>
  <si>
    <t xml:space="preserve">WEST BRANCH              </t>
  </si>
  <si>
    <t xml:space="preserve">FREY                     </t>
  </si>
  <si>
    <t xml:space="preserve">STA 57 ONO CDF IGO 2     </t>
  </si>
  <si>
    <t xml:space="preserve">IGO 16                   </t>
  </si>
  <si>
    <t xml:space="preserve">IGO 18                   </t>
  </si>
  <si>
    <t xml:space="preserve">LAKEHEAD                 </t>
  </si>
  <si>
    <t>TRI-COUNTY FIRE</t>
  </si>
  <si>
    <t>724945-23293-2008.gz</t>
  </si>
  <si>
    <t>JESUSITA</t>
  </si>
  <si>
    <t>JUNIPER SPRINGS #10</t>
  </si>
  <si>
    <t>FORKS</t>
  </si>
  <si>
    <t>MILL FLAT</t>
  </si>
  <si>
    <t>KELSAY BUTTE</t>
  </si>
  <si>
    <t>BIG POLE</t>
  </si>
  <si>
    <t>KOOTENAI CREEK</t>
  </si>
  <si>
    <t>LOAF</t>
  </si>
  <si>
    <t>GUTHRIE</t>
  </si>
  <si>
    <t>GOOSE</t>
  </si>
  <si>
    <t>BIG SHEEP RIDGE</t>
  </si>
  <si>
    <t>LA BREA</t>
  </si>
  <si>
    <t>KNIGHT</t>
  </si>
  <si>
    <t>TUMBLEBUG</t>
  </si>
  <si>
    <t>GUNSIGHT</t>
  </si>
  <si>
    <t>720345-94086-2009.gz</t>
  </si>
  <si>
    <t>NARRAGUINNEP</t>
  </si>
  <si>
    <t>724767-93069-2009.gz</t>
  </si>
  <si>
    <t>747040-03102-2009.gz</t>
  </si>
  <si>
    <t>WEIMER</t>
  </si>
  <si>
    <t>CROSS</t>
  </si>
  <si>
    <t>723756-00375-2009.gz</t>
  </si>
  <si>
    <t>MILL CREEK 4</t>
  </si>
  <si>
    <t>BOZE</t>
  </si>
  <si>
    <t>DISCOVERY</t>
  </si>
  <si>
    <t>722890-93136-2009.gz</t>
  </si>
  <si>
    <t>LT-17 (BACKBONE)</t>
  </si>
  <si>
    <t>MEASON</t>
  </si>
  <si>
    <t>RENO</t>
  </si>
  <si>
    <t>MELENDREZ PASS</t>
  </si>
  <si>
    <t>JULY 4TH COMPLEX</t>
  </si>
  <si>
    <t>OAK GLEN</t>
  </si>
  <si>
    <t>GAGARYAH 2</t>
  </si>
  <si>
    <t>702350-26534-2009.gz</t>
  </si>
  <si>
    <t>BIG RIVER</t>
  </si>
  <si>
    <t>723529-53929-2009.gz</t>
  </si>
  <si>
    <t>JOE BOB</t>
  </si>
  <si>
    <t>PEACH ORCHARD</t>
  </si>
  <si>
    <t>PRETTY PENNY</t>
  </si>
  <si>
    <t>SAN JUAN</t>
  </si>
  <si>
    <t>720339-00121-2009.gz</t>
  </si>
  <si>
    <t>BEAR CANYON</t>
  </si>
  <si>
    <t>OKLAHOMA 2</t>
  </si>
  <si>
    <t>702670-26415-2009.gz</t>
  </si>
  <si>
    <t>TONCLONUKNA CREEK</t>
  </si>
  <si>
    <t>702625-00104-2009.gz</t>
  </si>
  <si>
    <t>KANTISHNA RIVER</t>
  </si>
  <si>
    <t>KATLITNA</t>
  </si>
  <si>
    <t>OSKAWALIK</t>
  </si>
  <si>
    <t>NOWITNA</t>
  </si>
  <si>
    <t>702460-26512-2009.gz</t>
  </si>
  <si>
    <t>702628-00105-2009.gz</t>
  </si>
  <si>
    <t>ALLMAN LAKE</t>
  </si>
  <si>
    <t>FORAKER POND</t>
  </si>
  <si>
    <t>STEVENS CREEK 1</t>
  </si>
  <si>
    <t>TAGAGAWIK</t>
  </si>
  <si>
    <t>701719-00490-2009.gz</t>
  </si>
  <si>
    <t>LITTLE BLACK ONE</t>
  </si>
  <si>
    <t>701940-26413-2009.gz</t>
  </si>
  <si>
    <t>ROCK SLOUGH</t>
  </si>
  <si>
    <t>CHEENEETNUK</t>
  </si>
  <si>
    <t>CHAKINA</t>
  </si>
  <si>
    <t>702755-46404-2009.gz</t>
  </si>
  <si>
    <t>CRASH CREEK</t>
  </si>
  <si>
    <t>TORMENT CREEK</t>
  </si>
  <si>
    <t>SOUTH BONEY</t>
  </si>
  <si>
    <t>BERING CREEK 2</t>
  </si>
  <si>
    <t>701730-26535-2009.gz</t>
  </si>
  <si>
    <t>TITNA RIVER</t>
  </si>
  <si>
    <t>WOOD RIVER 1</t>
  </si>
  <si>
    <t>702610-26411-2009.gz</t>
  </si>
  <si>
    <t>MARDOW CREEK</t>
  </si>
  <si>
    <t>BLUFF CREEK</t>
  </si>
  <si>
    <t>701046-26418-2009.gz</t>
  </si>
  <si>
    <t>JAGGED RIDGE</t>
  </si>
  <si>
    <t>FT HAMLIN HILLS</t>
  </si>
  <si>
    <t>KANUTI RIVER</t>
  </si>
  <si>
    <t>REX CREEK</t>
  </si>
  <si>
    <t>702647-26499-2009.gz</t>
  </si>
  <si>
    <t>GUIBERSON</t>
  </si>
  <si>
    <t>SHU CASSEL</t>
  </si>
  <si>
    <t>POWER STATION</t>
  </si>
  <si>
    <t>MEISSNER</t>
  </si>
  <si>
    <t>727755-24112-2009.gz</t>
  </si>
  <si>
    <t>724880-23185-2009.gz</t>
  </si>
  <si>
    <t>725805-24172-2009.gz</t>
  </si>
  <si>
    <t>722676-03035-2009.gz</t>
  </si>
  <si>
    <t>OROGRANDE</t>
  </si>
  <si>
    <t>PASCO</t>
  </si>
  <si>
    <t>EAST TANSWESTERN</t>
  </si>
  <si>
    <t>MUDDY CREEK</t>
  </si>
  <si>
    <t>BROKEN RIDGE</t>
  </si>
  <si>
    <t>WHITEROCKS 1</t>
  </si>
  <si>
    <t>740030-24103-2009.gz</t>
  </si>
  <si>
    <t>RAT HOLE</t>
  </si>
  <si>
    <t>ODEN ROAD</t>
  </si>
  <si>
    <t>MELLEN</t>
  </si>
  <si>
    <t>ARNICA</t>
  </si>
  <si>
    <t>726664-94173-2009.gz</t>
  </si>
  <si>
    <t>BIG MEADOW SUPRESS</t>
  </si>
  <si>
    <t>DEEP FIRE</t>
  </si>
  <si>
    <t>HELLS BAY</t>
  </si>
  <si>
    <t>348 SHANTA CREEK</t>
  </si>
  <si>
    <t>702595-26559-2009.gz</t>
  </si>
  <si>
    <t>BACK RIDGE EAST</t>
  </si>
  <si>
    <t>TARGA</t>
  </si>
  <si>
    <t>HEADACHE WF</t>
  </si>
  <si>
    <t>WF UNIT 6 2009</t>
  </si>
  <si>
    <t>DRAGONFLY</t>
  </si>
  <si>
    <t>722057-12854-2009.gz</t>
  </si>
  <si>
    <t>HIGHWAY 31 FIRE</t>
  </si>
  <si>
    <t>747910-13717-2009.gz</t>
  </si>
  <si>
    <t>726514-94032-2009.gz</t>
  </si>
  <si>
    <t>HOHOLITNA</t>
  </si>
  <si>
    <t>DILLINGER</t>
  </si>
  <si>
    <t>LADUE RIVER</t>
  </si>
  <si>
    <t>702910-26412-2009.gz</t>
  </si>
  <si>
    <t>SWAMP CREEK</t>
  </si>
  <si>
    <t>FRANKLIN CREEK</t>
  </si>
  <si>
    <t>703051-26521-2009.gz</t>
  </si>
  <si>
    <t>BEAR LAKE</t>
  </si>
  <si>
    <t>702600-26435-2009.gz</t>
  </si>
  <si>
    <t>LUNCH LAKE</t>
  </si>
  <si>
    <t>MCGINNIS CREEK</t>
  </si>
  <si>
    <t>724680-94015-2009.gz</t>
  </si>
  <si>
    <t>OLD 82</t>
  </si>
  <si>
    <t>724550-13947-2009.gz</t>
  </si>
  <si>
    <t>CLEO FIRE</t>
  </si>
  <si>
    <t>722052-53933-2009.gz</t>
  </si>
  <si>
    <t>ROSEBROOK</t>
  </si>
  <si>
    <t>724586-03919-2009.gz</t>
  </si>
  <si>
    <t>724585-93997-2009.gz</t>
  </si>
  <si>
    <t>CATO</t>
  </si>
  <si>
    <t>PUTNAM</t>
  </si>
  <si>
    <t>720356-13999-2009.gz</t>
  </si>
  <si>
    <t>MULHALL/PAYNE COUNTY</t>
  </si>
  <si>
    <t>723537-53913-2009.gz</t>
  </si>
  <si>
    <t>CHOCTAW</t>
  </si>
  <si>
    <t>723540-13919-2009.gz</t>
  </si>
  <si>
    <t>LOCO/HEALDTON</t>
  </si>
  <si>
    <t>LINDSAY</t>
  </si>
  <si>
    <t>RATLIFF CITY/TATUMS</t>
  </si>
  <si>
    <t>722078-53938-2009.gz</t>
  </si>
  <si>
    <t>CHESTER</t>
  </si>
  <si>
    <t>722152-53957-2009.gz</t>
  </si>
  <si>
    <t xml:space="preserve">SAWMILL CANYON </t>
  </si>
  <si>
    <t xml:space="preserve">GLORIA                   </t>
  </si>
  <si>
    <t>725930-23233-2009.gz</t>
  </si>
  <si>
    <t xml:space="preserve">LOCKHEED                 </t>
  </si>
  <si>
    <t>745090-23244-2009.gz</t>
  </si>
  <si>
    <t xml:space="preserve">CORRAL                   </t>
  </si>
  <si>
    <t>ETCHEVERY</t>
  </si>
  <si>
    <t>MINTO FLATS SOUTH</t>
  </si>
  <si>
    <t>HARD LUCK CREEK</t>
  </si>
  <si>
    <t>INDIAN TRAIL</t>
  </si>
  <si>
    <t>IRISHMAN</t>
  </si>
  <si>
    <t>CULBERTSON</t>
  </si>
  <si>
    <t>PICACHO</t>
  </si>
  <si>
    <t>FRESQUEZ 2</t>
  </si>
  <si>
    <t xml:space="preserve">LOWER WEST HOLLOW </t>
  </si>
  <si>
    <t>RHODES RANCH FIRE</t>
  </si>
  <si>
    <t>79 FIRE</t>
  </si>
  <si>
    <t>CEDAR MOUNTAIN FIRE</t>
  </si>
  <si>
    <t>ELECTRA WEST</t>
  </si>
  <si>
    <t>723528-03981-2009.gz</t>
  </si>
  <si>
    <t>ROBERTS BRANCH - 56</t>
  </si>
  <si>
    <t>BRECKENRIDGE (CONVENIENCE)</t>
  </si>
  <si>
    <t>MONTAGUE COUNTY COMPLEX</t>
  </si>
  <si>
    <t>BLACK (PITZER) FIRE</t>
  </si>
  <si>
    <t>BEARD MTN.</t>
  </si>
  <si>
    <t>SAUCITA CREEK RANCH - 106</t>
  </si>
  <si>
    <t>722640-93035-2009.gz</t>
  </si>
  <si>
    <t>DUNCAN WEST BRANCH - 113</t>
  </si>
  <si>
    <t>MCELROY</t>
  </si>
  <si>
    <t>ELEPHANT MTN COMPLEX</t>
  </si>
  <si>
    <t>LAST CHANCE MESA</t>
  </si>
  <si>
    <t>HOPPER FIRE</t>
  </si>
  <si>
    <t>2009-23</t>
  </si>
  <si>
    <t>MACLAMORE</t>
  </si>
  <si>
    <t>CRIDER RANCH FIRE</t>
  </si>
  <si>
    <t>CHILICOTHE RANCH</t>
  </si>
  <si>
    <t>911860-22534-2009.gz</t>
  </si>
  <si>
    <t>YUBA</t>
  </si>
  <si>
    <t>NO NAME CREEK</t>
  </si>
  <si>
    <t>702625-00104-2010.gz</t>
  </si>
  <si>
    <t>MCLEAN CREEK</t>
  </si>
  <si>
    <t>702310-26510-2010.gz</t>
  </si>
  <si>
    <t>GILLES/DELTA COMPLEX</t>
  </si>
  <si>
    <t>702670-26415-2010.gz</t>
  </si>
  <si>
    <t>SCHULTZ</t>
  </si>
  <si>
    <t>723750-03103-2010.gz</t>
  </si>
  <si>
    <t>TWITCHELL CANYON</t>
  </si>
  <si>
    <t>720635-00221-2010.gz</t>
  </si>
  <si>
    <t>35 MILE MARKER</t>
  </si>
  <si>
    <t>GIRAFFE CREEK</t>
  </si>
  <si>
    <t>723826-93194-2010.gz</t>
  </si>
  <si>
    <t>0476  ROOSTER ROCK</t>
  </si>
  <si>
    <t>720638-00224-2010.gz</t>
  </si>
  <si>
    <t>098 WRANGLER</t>
  </si>
  <si>
    <t>SWAKANE</t>
  </si>
  <si>
    <t>SCOTT MOUNTAIN</t>
  </si>
  <si>
    <t>OAK FLAT</t>
  </si>
  <si>
    <t>CIRCLE BAR</t>
  </si>
  <si>
    <t>BOMBING RANGE NINE21</t>
  </si>
  <si>
    <t>CRIPPLE CHINOOK</t>
  </si>
  <si>
    <t>BRAVO</t>
  </si>
  <si>
    <t>722093-04878-2010.gz</t>
  </si>
  <si>
    <t>STUMP GULCH</t>
  </si>
  <si>
    <t>726798-24150-2010.gz</t>
  </si>
  <si>
    <t>FLINTLOCK</t>
  </si>
  <si>
    <t>722686-23008-2010.gz</t>
  </si>
  <si>
    <t>TURQUOISE LAKE</t>
  </si>
  <si>
    <t>WHITE LIGHTNING</t>
  </si>
  <si>
    <t>TOKLAT</t>
  </si>
  <si>
    <t>702600-26435-2010.gz</t>
  </si>
  <si>
    <t>MISSISSIPPI IMPACT</t>
  </si>
  <si>
    <t>EAGLE TRAIL</t>
  </si>
  <si>
    <t>702915-26486-2010.gz</t>
  </si>
  <si>
    <t>APPLEGATE</t>
  </si>
  <si>
    <t>701793-26524-2010.gz</t>
  </si>
  <si>
    <t>CHITANATALA</t>
  </si>
  <si>
    <t>JEANNES LAKE</t>
  </si>
  <si>
    <t>702460-26512-2010.gz</t>
  </si>
  <si>
    <t>702315-26536-2010.gz</t>
  </si>
  <si>
    <t>701975-26422-2010.gz</t>
  </si>
  <si>
    <t>702190-26615-2010.gz</t>
  </si>
  <si>
    <t>BIG MOUNTAIN</t>
  </si>
  <si>
    <t>SIDIK LAKE</t>
  </si>
  <si>
    <t>702610-26411-2010.gz</t>
  </si>
  <si>
    <t>TAKHAKHDONA HILLS</t>
  </si>
  <si>
    <t>DERBY CREEK</t>
  </si>
  <si>
    <t>701719-00490-2010.gz</t>
  </si>
  <si>
    <t>MONTANA CREEK</t>
  </si>
  <si>
    <t>LOUIE CREEK</t>
  </si>
  <si>
    <t>702220-26501-2010.gz</t>
  </si>
  <si>
    <t>RABBIT CREEK 2</t>
  </si>
  <si>
    <t>KILIOVILIK CREEK</t>
  </si>
  <si>
    <t>YUKI RIVER</t>
  </si>
  <si>
    <t>ROK NORTH</t>
  </si>
  <si>
    <t>ELI RIVER</t>
  </si>
  <si>
    <t>701335-26648-2010.gz</t>
  </si>
  <si>
    <t>KLIKHTENTOTZNA CREEK</t>
  </si>
  <si>
    <t>723820-23182-2010.gz</t>
  </si>
  <si>
    <t>FOURMILE CANYON</t>
  </si>
  <si>
    <t>CROWBAR</t>
  </si>
  <si>
    <t>RAINBOW ROAD</t>
  </si>
  <si>
    <t>MULE CREEK</t>
  </si>
  <si>
    <t>EMERY</t>
  </si>
  <si>
    <t>SOUTH TRAIL</t>
  </si>
  <si>
    <t>HOT TEA</t>
  </si>
  <si>
    <t>MIDDLE BUTTE</t>
  </si>
  <si>
    <t>SAILOR CREEK</t>
  </si>
  <si>
    <t>LONG BUTTE</t>
  </si>
  <si>
    <t>POWER COUNTY 2</t>
  </si>
  <si>
    <t>ROOSTER ROCK</t>
  </si>
  <si>
    <t>LAID LAW</t>
  </si>
  <si>
    <t>725805-24172-2010.gz</t>
  </si>
  <si>
    <t>SEVEN TROUGHS</t>
  </si>
  <si>
    <t>FT  BLISS 2</t>
  </si>
  <si>
    <t>614 LOWER DESCHUTES</t>
  </si>
  <si>
    <t>MACHINE GUN</t>
  </si>
  <si>
    <t>COWICHE MILL</t>
  </si>
  <si>
    <t>727900-24141-2010.gz</t>
  </si>
  <si>
    <t>ORPHA</t>
  </si>
  <si>
    <t>COOLEY DRAW</t>
  </si>
  <si>
    <t>LAKE TUTUSIROK</t>
  </si>
  <si>
    <t>MAKPIK CREEK</t>
  </si>
  <si>
    <t>NAVASHAK LAKE EAST</t>
  </si>
  <si>
    <t>NANIELIK CREEK</t>
  </si>
  <si>
    <t>SAFFRON</t>
  </si>
  <si>
    <t>723783-03195-2010.gz</t>
  </si>
  <si>
    <t>726664-94173-2010.gz</t>
  </si>
  <si>
    <t>TALLGRASS COMPLEX</t>
  </si>
  <si>
    <t>724556-13989-2010.gz</t>
  </si>
  <si>
    <t>SHEEP COMPLEX</t>
  </si>
  <si>
    <t>RAINBOW BRIDGE</t>
  </si>
  <si>
    <t>BIG SALT MARSH</t>
  </si>
  <si>
    <t>724517-13940-2010.gz</t>
  </si>
  <si>
    <t>CICADA</t>
  </si>
  <si>
    <t>RAT PATCH</t>
  </si>
  <si>
    <t>727684-94051-2010.gz</t>
  </si>
  <si>
    <t>MARTIN RANCH</t>
  </si>
  <si>
    <t>POKER JIM</t>
  </si>
  <si>
    <t>537 - PEAVEY CREEK</t>
  </si>
  <si>
    <t>701748-99999-2010.gz</t>
  </si>
  <si>
    <t>LOST RIVER</t>
  </si>
  <si>
    <t>336 - DEMPSEY CREEK</t>
  </si>
  <si>
    <t>701046-26418-2010.gz</t>
  </si>
  <si>
    <t>501 - PAT CREEK</t>
  </si>
  <si>
    <t>595 - BIG DUCK LAKE</t>
  </si>
  <si>
    <t>635 - CANVASBACK LAKE</t>
  </si>
  <si>
    <t>614 - THREE SLEEP</t>
  </si>
  <si>
    <t>723556-93953-2010.gz</t>
  </si>
  <si>
    <t>3 FORKS  (5)</t>
  </si>
  <si>
    <t>MILLER FIRE</t>
  </si>
  <si>
    <t>724510-13985-2010.gz</t>
  </si>
  <si>
    <t>EUREKA FIRE</t>
  </si>
  <si>
    <t>HUBBARD FIRE</t>
  </si>
  <si>
    <t>722683-93083-2010.gz</t>
  </si>
  <si>
    <t>994800-99999-2010.gz</t>
  </si>
  <si>
    <t>ROBBERS ROOST</t>
  </si>
  <si>
    <t>BRITE RANCH</t>
  </si>
  <si>
    <t>BRITE RANCH RIM</t>
  </si>
  <si>
    <t>FM 2508 FIRE</t>
  </si>
  <si>
    <t>CR 204 COMPLEX FIRE</t>
  </si>
  <si>
    <t>VEST RANCH</t>
  </si>
  <si>
    <t>BIG SWEDE</t>
  </si>
  <si>
    <t>MUD POND</t>
  </si>
  <si>
    <t>MINNINGHAW</t>
  </si>
  <si>
    <t>PAGAMI CREEK</t>
  </si>
  <si>
    <t>727459-94964-2011.gz</t>
  </si>
  <si>
    <t>NOWLIN</t>
  </si>
  <si>
    <t xml:space="preserve">SADDLE </t>
  </si>
  <si>
    <t>STEWART</t>
  </si>
  <si>
    <t>DOUBLE STORM</t>
  </si>
  <si>
    <t>LITTLE FORK</t>
  </si>
  <si>
    <t>BIG SALMON LAKE</t>
  </si>
  <si>
    <t>WEST RIVERSIDE</t>
  </si>
  <si>
    <t xml:space="preserve">0676  SHADOW LAKE </t>
  </si>
  <si>
    <t>WISHRAM 2</t>
  </si>
  <si>
    <t>723895-23149-2011.gz</t>
  </si>
  <si>
    <t>MOTOR</t>
  </si>
  <si>
    <t>CARSON FIRE</t>
  </si>
  <si>
    <t>CALLIE MARIE</t>
  </si>
  <si>
    <t>DUCKETT</t>
  </si>
  <si>
    <t>722333-03069-2011.gz</t>
  </si>
  <si>
    <t>NORTON POINT</t>
  </si>
  <si>
    <t>IMPASSABLE BAY</t>
  </si>
  <si>
    <t>OCEAN BAY</t>
  </si>
  <si>
    <t>WALLOW</t>
  </si>
  <si>
    <t>722747-93084-2011.gz</t>
  </si>
  <si>
    <t>PRITCHARD</t>
  </si>
  <si>
    <t>747360-93042-2011.gz</t>
  </si>
  <si>
    <t>SANDROCK</t>
  </si>
  <si>
    <t>PENA</t>
  </si>
  <si>
    <t>HORSESHOE 2</t>
  </si>
  <si>
    <t>BEALE*</t>
  </si>
  <si>
    <t>PARALLEL</t>
  </si>
  <si>
    <t>ACREY</t>
  </si>
  <si>
    <t>DINNER</t>
  </si>
  <si>
    <t>PACHECO CANYON</t>
  </si>
  <si>
    <t>FRIO</t>
  </si>
  <si>
    <t>TANNER</t>
  </si>
  <si>
    <t>722786-23104-2011.gz</t>
  </si>
  <si>
    <t>TOM BASIN</t>
  </si>
  <si>
    <t>UP TOP</t>
  </si>
  <si>
    <t>BRISTOW 48</t>
  </si>
  <si>
    <t>722099-53936-2011.gz</t>
  </si>
  <si>
    <t>SLICK HILL</t>
  </si>
  <si>
    <t>HOG TRAP</t>
  </si>
  <si>
    <t>SOUTH 160</t>
  </si>
  <si>
    <t>GREYHORSE</t>
  </si>
  <si>
    <t>PAC MAN</t>
  </si>
  <si>
    <t>BOSS RIBS</t>
  </si>
  <si>
    <t>WATER HOLE</t>
  </si>
  <si>
    <t>MAGGIE</t>
  </si>
  <si>
    <t>HOCHANDOCHTLA MTN</t>
  </si>
  <si>
    <t>EAST VOLKMAR</t>
  </si>
  <si>
    <t>702650-26407-2011.gz</t>
  </si>
  <si>
    <t>FISH RIVER</t>
  </si>
  <si>
    <t>702223-26602-2011.gz</t>
  </si>
  <si>
    <t>MCCORD CREEK</t>
  </si>
  <si>
    <t>702610-26411-2011.gz</t>
  </si>
  <si>
    <t>702460-26512-2011.gz</t>
  </si>
  <si>
    <t>CHITANANA</t>
  </si>
  <si>
    <t>LLOYD</t>
  </si>
  <si>
    <t>701793-26524-2011.gz</t>
  </si>
  <si>
    <t>BONNIFIELD 1</t>
  </si>
  <si>
    <t>722953-03183-2011.gz</t>
  </si>
  <si>
    <t>COMMANCHE</t>
  </si>
  <si>
    <t>SOUTHSIM</t>
  </si>
  <si>
    <t>OTA 134</t>
  </si>
  <si>
    <t>BIG HILL</t>
  </si>
  <si>
    <t>BINGHAM POINT</t>
  </si>
  <si>
    <t>725867-24133-2011.gz</t>
  </si>
  <si>
    <t>GRINDSTONE</t>
  </si>
  <si>
    <t>HOT SPRINGS 2</t>
  </si>
  <si>
    <t>DEAD HORSE CAVE</t>
  </si>
  <si>
    <t>DOUBLE A</t>
  </si>
  <si>
    <t>HWY 46 MM 103</t>
  </si>
  <si>
    <t>DELTA</t>
  </si>
  <si>
    <t>EAGLE DRAW</t>
  </si>
  <si>
    <t>RAGING BULL</t>
  </si>
  <si>
    <t>MAYHILL</t>
  </si>
  <si>
    <t>722693-93097-2011.gz</t>
  </si>
  <si>
    <t>SERPENTINE</t>
  </si>
  <si>
    <t>DOG CANYON</t>
  </si>
  <si>
    <t>ENTERPRISE</t>
  </si>
  <si>
    <t>CROOKEDCREEK COMPLEX</t>
  </si>
  <si>
    <t>LINCOLNCANYON COMPLX</t>
  </si>
  <si>
    <t>BATON ROUGE COMPLEX</t>
  </si>
  <si>
    <t>CROOKED COMPLEX</t>
  </si>
  <si>
    <t>WNA 20</t>
  </si>
  <si>
    <t>CHUKKAR CANYON</t>
  </si>
  <si>
    <t>VIGO</t>
  </si>
  <si>
    <t>NIXON</t>
  </si>
  <si>
    <t>HOT SPRINGS</t>
  </si>
  <si>
    <t>EDEN VALLEY</t>
  </si>
  <si>
    <t>CHINA GARDEN</t>
  </si>
  <si>
    <t>BIG ANTELOPE</t>
  </si>
  <si>
    <t>DSL COMPLEX</t>
  </si>
  <si>
    <t>CATLOW</t>
  </si>
  <si>
    <t>720638-00224-2011.gz</t>
  </si>
  <si>
    <t>0314 DEADMAN CANYON</t>
  </si>
  <si>
    <t>0328 BROWN RD</t>
  </si>
  <si>
    <t>HANCOCK COMPLEX</t>
  </si>
  <si>
    <t>0655 RAZOR BACK EAST</t>
  </si>
  <si>
    <t>SAND SPRINGS</t>
  </si>
  <si>
    <t>CLARKS BUTTE</t>
  </si>
  <si>
    <t>WEST LITTLE</t>
  </si>
  <si>
    <t>724797-23176-2011.gz</t>
  </si>
  <si>
    <t>MAPLE CANYON</t>
  </si>
  <si>
    <t>ROURKE</t>
  </si>
  <si>
    <t>SQUAW MTN</t>
  </si>
  <si>
    <t>NEW WATER</t>
  </si>
  <si>
    <t>723700-93167-2011.gz</t>
  </si>
  <si>
    <t>722678-23052-2011.gz</t>
  </si>
  <si>
    <t>PIPELINE RD FIRE</t>
  </si>
  <si>
    <t>SO CLOSE</t>
  </si>
  <si>
    <t>CRAWFORD RANCH</t>
  </si>
  <si>
    <t>MASTERSON</t>
  </si>
  <si>
    <t>TURKEY TRACK 2</t>
  </si>
  <si>
    <t>JARHEAD</t>
  </si>
  <si>
    <t>OIL PAD COMPLEX</t>
  </si>
  <si>
    <t>AFTERNOON FIRE</t>
  </si>
  <si>
    <t>SHANTY FIRE</t>
  </si>
  <si>
    <t>WF TEXAS POINT WEST</t>
  </si>
  <si>
    <t>EAST HEREFORD</t>
  </si>
  <si>
    <t>CACHE ASSIST</t>
  </si>
  <si>
    <t>THREE SLASHES</t>
  </si>
  <si>
    <t>FLYING H</t>
  </si>
  <si>
    <t>KOBALT</t>
  </si>
  <si>
    <t>TRAIL 3</t>
  </si>
  <si>
    <t>PAINS BAY FIRE</t>
  </si>
  <si>
    <t>724517-13940-2011.gz</t>
  </si>
  <si>
    <t>LATERAL WEST</t>
  </si>
  <si>
    <t>724007-03719-2011.gz</t>
  </si>
  <si>
    <t>HONEY PRAIRIE</t>
  </si>
  <si>
    <t>GRAND FEU</t>
  </si>
  <si>
    <t>TISON</t>
  </si>
  <si>
    <t>COCODRIE</t>
  </si>
  <si>
    <t>FINNEY LOOP</t>
  </si>
  <si>
    <t>722211-94087-2011.gz</t>
  </si>
  <si>
    <t>702647-26499-2011.gz</t>
  </si>
  <si>
    <t>DISH MOUNTAIN</t>
  </si>
  <si>
    <t>702315-26536-2011.gz</t>
  </si>
  <si>
    <t>DOLLAR LAKE</t>
  </si>
  <si>
    <t>MONASTERY COMPLEX</t>
  </si>
  <si>
    <t>GUM SLOUGH (47 )</t>
  </si>
  <si>
    <t>BAD LAND(38)</t>
  </si>
  <si>
    <t>FY2011-CHARLTON-092</t>
  </si>
  <si>
    <t>FY2011-CLINCH-045</t>
  </si>
  <si>
    <t>FY2011-BACON-081</t>
  </si>
  <si>
    <t>FY2011-CLINCH-058</t>
  </si>
  <si>
    <t>FY2011-LONG-083</t>
  </si>
  <si>
    <t>FY2011-WARE-093</t>
  </si>
  <si>
    <t>ESPANOLA  (18)</t>
  </si>
  <si>
    <t>3A NORTH</t>
  </si>
  <si>
    <t>722039-12885-2011.gz</t>
  </si>
  <si>
    <t>54/TRUCK TRAIL 1</t>
  </si>
  <si>
    <t>SANTA FE 11 (04)</t>
  </si>
  <si>
    <t>723754-93027-2011.gz</t>
  </si>
  <si>
    <t>BAILEY COMPLEX</t>
  </si>
  <si>
    <t>BURNING TENT</t>
  </si>
  <si>
    <t>GODFREY</t>
  </si>
  <si>
    <t>MARTIN 2</t>
  </si>
  <si>
    <t>GARZA</t>
  </si>
  <si>
    <t>BARNARD</t>
  </si>
  <si>
    <t>WINDFARM</t>
  </si>
  <si>
    <t>RABBIT EAR</t>
  </si>
  <si>
    <t>KIZER 5</t>
  </si>
  <si>
    <t>JACKIE</t>
  </si>
  <si>
    <t>CLOVERDALE 2</t>
  </si>
  <si>
    <t>TRUCK STOP</t>
  </si>
  <si>
    <t>LAS CONCHAS</t>
  </si>
  <si>
    <t>723654-93091-2011.gz</t>
  </si>
  <si>
    <t>JUNEBERRY 3</t>
  </si>
  <si>
    <t>MOUND CITY</t>
  </si>
  <si>
    <t>726685-94052-2011.gz</t>
  </si>
  <si>
    <t>BLOMBERG</t>
  </si>
  <si>
    <t>T17</t>
  </si>
  <si>
    <t>725785-24145-2011.gz</t>
  </si>
  <si>
    <t>724636-03013-2011.gz</t>
  </si>
  <si>
    <t>KARVAL</t>
  </si>
  <si>
    <t>724665-93010-2011.gz</t>
  </si>
  <si>
    <t>PURGATOIRE FIRE</t>
  </si>
  <si>
    <t>SHELL COMPLEX</t>
  </si>
  <si>
    <t>TD13</t>
  </si>
  <si>
    <t>722319-53943-2011.gz</t>
  </si>
  <si>
    <t>SIMMONS ROAD</t>
  </si>
  <si>
    <t>JUNIPER ROAD</t>
  </si>
  <si>
    <t>CHEYENNE RIVER</t>
  </si>
  <si>
    <t>WHITEFACE FIRE</t>
  </si>
  <si>
    <t>LIPSCOMB  CO. COMPLEX FIRE</t>
  </si>
  <si>
    <t>MOORE COUNTY FIRE</t>
  </si>
  <si>
    <t>JAMES RIVER RD FIRE</t>
  </si>
  <si>
    <t>GUS CANALES RANCH FIRE</t>
  </si>
  <si>
    <t>WILLOW CREEK SOUTH FIRE</t>
  </si>
  <si>
    <t>MATADOR WEST COMPLEX FIRE</t>
  </si>
  <si>
    <t>MITCHELL COMPLEX - 821 FIRE</t>
  </si>
  <si>
    <t>WILLIAMS FIRE</t>
  </si>
  <si>
    <t>TOM FIRE</t>
  </si>
  <si>
    <t>MITCHELL COMPLEX-COLORADO CITY FIRE</t>
  </si>
  <si>
    <t>SHEPERDS COMPLEX FIRE</t>
  </si>
  <si>
    <t>MINE FIRE</t>
  </si>
  <si>
    <t>PINON FIRE</t>
  </si>
  <si>
    <t>722618-23091-2011.gz</t>
  </si>
  <si>
    <t>BIG TRICKLE RANCH FIRE</t>
  </si>
  <si>
    <t>720320-53981-2011.gz</t>
  </si>
  <si>
    <t>ENMIN FIRE</t>
  </si>
  <si>
    <t>CAMP BOWIE FIRE</t>
  </si>
  <si>
    <t>SAND RANCH FIRE</t>
  </si>
  <si>
    <t>SWENSON FIRE</t>
  </si>
  <si>
    <t>SANDERSON FIRE</t>
  </si>
  <si>
    <t>TURNER FIRE</t>
  </si>
  <si>
    <t>KILLOUGH FIRE</t>
  </si>
  <si>
    <t>ROCKHOUSE FIRE</t>
  </si>
  <si>
    <t>HICKMAN FIRE</t>
  </si>
  <si>
    <t>WILDCAT FIRE</t>
  </si>
  <si>
    <t>ENCINO FIRE</t>
  </si>
  <si>
    <t>PIERCE/SUTTON FIRE</t>
  </si>
  <si>
    <t>COOPER MOUNTAIN RANCH FIRE</t>
  </si>
  <si>
    <t>CANNON COMPLEX</t>
  </si>
  <si>
    <t>WICHITA COUNTY COMPLEX</t>
  </si>
  <si>
    <t>BRYSON COMPLEX</t>
  </si>
  <si>
    <t>DAD'S CORNER FIRE</t>
  </si>
  <si>
    <t>SPADE RANCH FIRE</t>
  </si>
  <si>
    <t>DEATON COLE FIRE</t>
  </si>
  <si>
    <t>FULLER RANCH FIRE</t>
  </si>
  <si>
    <t>SCOTT RANCH FIRE</t>
  </si>
  <si>
    <t>OASIS FIRE</t>
  </si>
  <si>
    <t>PLEASANT FARMS FIRE</t>
  </si>
  <si>
    <t>OLYMPIA FIRE</t>
  </si>
  <si>
    <t>CLARK RANCH FIRE</t>
  </si>
  <si>
    <t>DICKENS COMPLEX</t>
  </si>
  <si>
    <t>SCHWARTZ FIRE</t>
  </si>
  <si>
    <t>GAGE HOLLAND FIRE</t>
  </si>
  <si>
    <t>611 GAS PLANT FIRE</t>
  </si>
  <si>
    <t>IRON MOUNTAIN FIRE</t>
  </si>
  <si>
    <t>CEED FIRE</t>
  </si>
  <si>
    <t>SIERRA BLANCA FIRE</t>
  </si>
  <si>
    <t>DERICK FIRE</t>
  </si>
  <si>
    <t>TEJANO CANYON FIRE</t>
  </si>
  <si>
    <t>DOS AMIGOS FIRE</t>
  </si>
  <si>
    <t>BIRD RANCH II FIRE</t>
  </si>
  <si>
    <t>ENCINITOS FIRE</t>
  </si>
  <si>
    <t>SMAC FIRE</t>
  </si>
  <si>
    <t>DHI FIRE</t>
  </si>
  <si>
    <t>JRM COMPLEX</t>
  </si>
  <si>
    <t>MCDONALD II FIRE</t>
  </si>
  <si>
    <t>LONGFELLOW FIRE</t>
  </si>
  <si>
    <t>DYER MILL FIRE</t>
  </si>
  <si>
    <t>WILSON RANCH FIRE</t>
  </si>
  <si>
    <t>MITCHELL RANCH 2 FIRE</t>
  </si>
  <si>
    <t>WHITE HAT FIRE</t>
  </si>
  <si>
    <t>WEISE FIRE</t>
  </si>
  <si>
    <t>BOYKEN RD FIRE</t>
  </si>
  <si>
    <t>RICHARDSON FIRE</t>
  </si>
  <si>
    <t>MATTHEWS RANCH FIRE</t>
  </si>
  <si>
    <t>WISEMAN COMPLEX / TOKE PLANT</t>
  </si>
  <si>
    <t>NOLAN COUNTY COMPLEX</t>
  </si>
  <si>
    <t>CLAY FIRE</t>
  </si>
  <si>
    <t>JETER 11 FIRE</t>
  </si>
  <si>
    <t>STEGALL FIRE</t>
  </si>
  <si>
    <t>CR156 FIRE</t>
  </si>
  <si>
    <t>APACHE MOUNTAIN FIRE</t>
  </si>
  <si>
    <t>BRAD KELLEY (CIBOLA CREEK) FIRE</t>
  </si>
  <si>
    <t>722640-93035-2011.gz</t>
  </si>
  <si>
    <t>CHERRY HOMES FIRE</t>
  </si>
  <si>
    <t>ROBINETTE FIRE</t>
  </si>
  <si>
    <t>NUDING FIRE</t>
  </si>
  <si>
    <t>LEGACY FIRE</t>
  </si>
  <si>
    <t>JACK MOUNTIAN FIRE</t>
  </si>
  <si>
    <t>HORNETS' TANK FIRE</t>
  </si>
  <si>
    <t>OLD MAGNOLIA COMPLEX</t>
  </si>
  <si>
    <t>BAILEY ROAD FIRE</t>
  </si>
  <si>
    <t>BEAR CREEK FIRE</t>
  </si>
  <si>
    <t>NEW CHAPEL FIRE</t>
  </si>
  <si>
    <t>PEDERNALES BEND FIRE</t>
  </si>
  <si>
    <t>CONCORD ROBBINS FIRE</t>
  </si>
  <si>
    <t>ARBOR FIRE</t>
  </si>
  <si>
    <t>BASTROP COUNTY COMPLEX</t>
  </si>
  <si>
    <t>DELHI FIRE</t>
  </si>
  <si>
    <t>ANGELINA RIVER BOTTOM FIRE</t>
  </si>
  <si>
    <t>RILEY ROAD FIRE</t>
  </si>
  <si>
    <t>HAT ON ROAD FIRE</t>
  </si>
  <si>
    <t>SOUTH 104 FIRE</t>
  </si>
  <si>
    <t>722543-12977-2011.gz</t>
  </si>
  <si>
    <t>FM1065</t>
  </si>
  <si>
    <t>LOCUST GROVE FIRE</t>
  </si>
  <si>
    <t>FM 234 &amp; CR 105</t>
  </si>
  <si>
    <t>MILLER RANCH</t>
  </si>
  <si>
    <t>TEXLAND FIRE</t>
  </si>
  <si>
    <t>PRENTASS FIELD #1</t>
  </si>
  <si>
    <t>FM 148 &amp; FM 2332</t>
  </si>
  <si>
    <t>HOLLCUM FIRE</t>
  </si>
  <si>
    <t>LOVING #1</t>
  </si>
  <si>
    <t>SALT PLANT</t>
  </si>
  <si>
    <t>DALHART FIRE</t>
  </si>
  <si>
    <t>OSLO FIRE</t>
  </si>
  <si>
    <t>722095-03030-2011.gz</t>
  </si>
  <si>
    <t>ARMSTRONG FIRE</t>
  </si>
  <si>
    <t>WASHOE DRIVE</t>
  </si>
  <si>
    <t>720549-00171-2011.gz</t>
  </si>
  <si>
    <t>BOY</t>
  </si>
  <si>
    <t>WYE FIRE</t>
  </si>
  <si>
    <t>WF HOLIDAY 1 &amp; 2</t>
  </si>
  <si>
    <t>HAPPY FIRE</t>
  </si>
  <si>
    <t>FRYING PAN FIRE</t>
  </si>
  <si>
    <t>JUSTICE BURG FIRE</t>
  </si>
  <si>
    <t>TURKEY SPRINGS FIRE</t>
  </si>
  <si>
    <t>722052-53933-2011.gz</t>
  </si>
  <si>
    <t>HASKELL COUNTY</t>
  </si>
  <si>
    <t>COPPER BREAKS</t>
  </si>
  <si>
    <t>BRECKENRIDGE COMPLEX</t>
  </si>
  <si>
    <t>HARVEST CA</t>
  </si>
  <si>
    <t>FT. LYONS</t>
  </si>
  <si>
    <t>CABIN SPRING</t>
  </si>
  <si>
    <t>BURNT STRIP</t>
  </si>
  <si>
    <t>FREEZE OUT</t>
  </si>
  <si>
    <t>727735-24139-2012.gz</t>
  </si>
  <si>
    <t>CONDON MOUNTAIN</t>
  </si>
  <si>
    <t>WALL CREEK</t>
  </si>
  <si>
    <t>MILLIE</t>
  </si>
  <si>
    <t>726797-24132-2012.gz</t>
  </si>
  <si>
    <t>ELBOW PASS COMPLEX</t>
  </si>
  <si>
    <t>SQUARE ROCK</t>
  </si>
  <si>
    <t>PETTIBONE</t>
  </si>
  <si>
    <t>MCGUIRE</t>
  </si>
  <si>
    <t>BLEAK</t>
  </si>
  <si>
    <t>DEEP CREEK 2</t>
  </si>
  <si>
    <t>727687-94028-2012.gz</t>
  </si>
  <si>
    <t>GILEAD</t>
  </si>
  <si>
    <t>WHITE DRAW</t>
  </si>
  <si>
    <t>COW CAMP</t>
  </si>
  <si>
    <t>SQUIRREL CREEK</t>
  </si>
  <si>
    <t>RUSSELLS CAMP FIRE</t>
  </si>
  <si>
    <t>ARAPAHO FIRE</t>
  </si>
  <si>
    <t>725636-24017-2012.gz</t>
  </si>
  <si>
    <t>DOUTHIT</t>
  </si>
  <si>
    <t>MOSS AGATE</t>
  </si>
  <si>
    <t>WEST ASH</t>
  </si>
  <si>
    <t>HEWLETT</t>
  </si>
  <si>
    <t>HIGH PARK</t>
  </si>
  <si>
    <t>WALDO CANYON</t>
  </si>
  <si>
    <t>720642-99999-2012.gz</t>
  </si>
  <si>
    <t>LOWER NORTH FORK</t>
  </si>
  <si>
    <t>724666-93067-2012.gz</t>
  </si>
  <si>
    <t>LITTLE SAND</t>
  </si>
  <si>
    <t>ALPINE LAKE</t>
  </si>
  <si>
    <t>720345-94086-2012.gz</t>
  </si>
  <si>
    <t>SCHOOL CANYON</t>
  </si>
  <si>
    <t>CAMPINI</t>
  </si>
  <si>
    <t>722745-23109-2012.gz</t>
  </si>
  <si>
    <t>LITTLE BEAR</t>
  </si>
  <si>
    <t>HORSE CANYON</t>
  </si>
  <si>
    <t>GLADIATOR</t>
  </si>
  <si>
    <t>723723-23184-2012.gz</t>
  </si>
  <si>
    <t>MISTAKE PEAK</t>
  </si>
  <si>
    <t>722784-03184-2012.gz</t>
  </si>
  <si>
    <t>TRINITY RIDGE</t>
  </si>
  <si>
    <t>HORSETHIEF CANYON</t>
  </si>
  <si>
    <t>NORTH BUFFALO</t>
  </si>
  <si>
    <t>SHINGLE</t>
  </si>
  <si>
    <t>724756-23159-2012.gz</t>
  </si>
  <si>
    <t>SEELEY</t>
  </si>
  <si>
    <t>LOST PACKER</t>
  </si>
  <si>
    <t>HALSTEAD</t>
  </si>
  <si>
    <t>MERINO</t>
  </si>
  <si>
    <t>CAVE CANYON</t>
  </si>
  <si>
    <t>DEER HOLLOW</t>
  </si>
  <si>
    <t>BROWNS GULCH</t>
  </si>
  <si>
    <t>NORTH SCHELL</t>
  </si>
  <si>
    <t>722887-03180-2012.gz</t>
  </si>
  <si>
    <t>GOFF</t>
  </si>
  <si>
    <t>NORTH PASS</t>
  </si>
  <si>
    <t>CHIPS</t>
  </si>
  <si>
    <t>BAGLEY COMPLEX</t>
  </si>
  <si>
    <t>0537  POLE CREEK</t>
  </si>
  <si>
    <t>720638-00224-2012.gz</t>
  </si>
  <si>
    <t>BARRY POINT</t>
  </si>
  <si>
    <t>725976-94285-2012.gz</t>
  </si>
  <si>
    <t>CASCADE CREEK</t>
  </si>
  <si>
    <t>PARISH CABIN FIRE</t>
  </si>
  <si>
    <t>727830-24149-2012.gz</t>
  </si>
  <si>
    <t>727900-24141-2012.gz</t>
  </si>
  <si>
    <t>PEAVINE</t>
  </si>
  <si>
    <t>RICH HOLE</t>
  </si>
  <si>
    <t>724115-93757-2012.gz</t>
  </si>
  <si>
    <t>BARBOURS CREEK</t>
  </si>
  <si>
    <t>SHIPWRECK</t>
  </si>
  <si>
    <t>DAD</t>
  </si>
  <si>
    <t>UYON LAKES</t>
  </si>
  <si>
    <t>UVGOON CREEK 1</t>
  </si>
  <si>
    <t>KUNGIAKROK CREEK</t>
  </si>
  <si>
    <t>MARIE CREEK</t>
  </si>
  <si>
    <t>LITTLE INDIAN RIVER</t>
  </si>
  <si>
    <t>PAHL RIVER</t>
  </si>
  <si>
    <t>701719-00490-2012.gz</t>
  </si>
  <si>
    <t>NEKAKTE</t>
  </si>
  <si>
    <t>NOWITNA RIVER</t>
  </si>
  <si>
    <t>702460-26512-2012.gz</t>
  </si>
  <si>
    <t>HOGATZA RIVER</t>
  </si>
  <si>
    <t>702615-26498-2012.gz</t>
  </si>
  <si>
    <t>MIDNIGHT CREEK</t>
  </si>
  <si>
    <t>KUCHER CREEK</t>
  </si>
  <si>
    <t>KNIFEBLADE RIDGE</t>
  </si>
  <si>
    <t>DELTA CREEK  2</t>
  </si>
  <si>
    <t>703210-25513-2012.gz</t>
  </si>
  <si>
    <t>NOATAK GRAND CANYON</t>
  </si>
  <si>
    <t>HOBBLE COMPLEX</t>
  </si>
  <si>
    <t>SHORTEN</t>
  </si>
  <si>
    <t>723788-53135-2012.gz</t>
  </si>
  <si>
    <t>WALKER WYE</t>
  </si>
  <si>
    <t>SITES COMPLEX</t>
  </si>
  <si>
    <t>SIXTEEN COMPLEX</t>
  </si>
  <si>
    <t>NELSON  W1</t>
  </si>
  <si>
    <t>TGU PONDEROSA</t>
  </si>
  <si>
    <t>LIKELY</t>
  </si>
  <si>
    <t>SUNRISE MINE</t>
  </si>
  <si>
    <t>724776-93075-2012.gz</t>
  </si>
  <si>
    <t>WEBER</t>
  </si>
  <si>
    <t>724767-93069-2012.gz</t>
  </si>
  <si>
    <t>SOUTH INDIAN</t>
  </si>
  <si>
    <t>CON SHEA</t>
  </si>
  <si>
    <t>TINDALL</t>
  </si>
  <si>
    <t>HOTWELL</t>
  </si>
  <si>
    <t>CAULDER CREEK</t>
  </si>
  <si>
    <t>BENWALK</t>
  </si>
  <si>
    <t>COX S WELL</t>
  </si>
  <si>
    <t>CEDAR BUTTE WSA</t>
  </si>
  <si>
    <t>725785-24145-2012.gz</t>
  </si>
  <si>
    <t>RIDGE TOP</t>
  </si>
  <si>
    <t>KINYON ROAD</t>
  </si>
  <si>
    <t>BALANCED ROAD</t>
  </si>
  <si>
    <t>TRAPPER CABIN</t>
  </si>
  <si>
    <t>SID CROSSING</t>
  </si>
  <si>
    <t>FLAT TOP 2</t>
  </si>
  <si>
    <t>DELPHIA</t>
  </si>
  <si>
    <t>DAHL</t>
  </si>
  <si>
    <t>NINETEEN MILE</t>
  </si>
  <si>
    <t>BAD HORSE</t>
  </si>
  <si>
    <t>EAST SARPY</t>
  </si>
  <si>
    <t>BEAR TRAP 2</t>
  </si>
  <si>
    <t>WELDER</t>
  </si>
  <si>
    <t>WEST GARCEAU</t>
  </si>
  <si>
    <t>BROOKMAN</t>
  </si>
  <si>
    <t>CHAIN BUTTES</t>
  </si>
  <si>
    <t>ESTER LAKE</t>
  </si>
  <si>
    <t>OUTHOUSE</t>
  </si>
  <si>
    <t>TIDWELL</t>
  </si>
  <si>
    <t>ROSEBUD COMPLEX</t>
  </si>
  <si>
    <t>MADEARIS</t>
  </si>
  <si>
    <t>726777-94055-2012.gz</t>
  </si>
  <si>
    <t>DUTCH</t>
  </si>
  <si>
    <t>DUGAN</t>
  </si>
  <si>
    <t>FRAISER</t>
  </si>
  <si>
    <t>720546-99999-2012.gz</t>
  </si>
  <si>
    <t>TRE</t>
  </si>
  <si>
    <t>720549-00171-2012.gz</t>
  </si>
  <si>
    <t>20 MILE</t>
  </si>
  <si>
    <t>STUD</t>
  </si>
  <si>
    <t>DEL</t>
  </si>
  <si>
    <t>PAHROC</t>
  </si>
  <si>
    <t>EGAN</t>
  </si>
  <si>
    <t>ELEVEN</t>
  </si>
  <si>
    <t>HANSON</t>
  </si>
  <si>
    <t>COYOTE POINT</t>
  </si>
  <si>
    <t>TOWNLEY ROAD</t>
  </si>
  <si>
    <t>723528-03981-2012.gz</t>
  </si>
  <si>
    <t>SPANISH PEAK</t>
  </si>
  <si>
    <t>INDIAN ROAD</t>
  </si>
  <si>
    <t>723564-53908-2012.gz</t>
  </si>
  <si>
    <t>MCNAC</t>
  </si>
  <si>
    <t>LAGOON CREEK</t>
  </si>
  <si>
    <t>CUSHING</t>
  </si>
  <si>
    <t>723570-03948-2012.gz</t>
  </si>
  <si>
    <t>MILLER HOMESTEAD</t>
  </si>
  <si>
    <t>BLUE JOINT</t>
  </si>
  <si>
    <t>BUCK CREEK 0280</t>
  </si>
  <si>
    <t>LONG DRAW</t>
  </si>
  <si>
    <t>726837-24162-2012.gz</t>
  </si>
  <si>
    <t>LYTLE</t>
  </si>
  <si>
    <t>BANANA LAKE</t>
  </si>
  <si>
    <t>DANNER LOOP 2</t>
  </si>
  <si>
    <t>SARDINE</t>
  </si>
  <si>
    <t>726886-24130-2012.gz</t>
  </si>
  <si>
    <t>WATER FALLS#2</t>
  </si>
  <si>
    <t>WICK</t>
  </si>
  <si>
    <t>WELLNITZ</t>
  </si>
  <si>
    <t>LONG HORN COMPLEX</t>
  </si>
  <si>
    <t>6 MILE</t>
  </si>
  <si>
    <t>BABOON</t>
  </si>
  <si>
    <t>724750-23176-2012.gz</t>
  </si>
  <si>
    <t>GREASE</t>
  </si>
  <si>
    <t>WOOD HOLLOW</t>
  </si>
  <si>
    <t>CLAY SPRINGS</t>
  </si>
  <si>
    <t>RHYOLITE</t>
  </si>
  <si>
    <t>725810-24193-2012.gz</t>
  </si>
  <si>
    <t>DALLAS CANYON</t>
  </si>
  <si>
    <t>740030-24103-2012.gz</t>
  </si>
  <si>
    <t>PINYON</t>
  </si>
  <si>
    <t>SHANTY CANYON</t>
  </si>
  <si>
    <t>SHIVWITS</t>
  </si>
  <si>
    <t>CHURCH CAMP</t>
  </si>
  <si>
    <t>WOLF DEN</t>
  </si>
  <si>
    <t>BUFFALO LAKE ROAD</t>
  </si>
  <si>
    <t>ST MARYS MISSION ROA</t>
  </si>
  <si>
    <t>ANTOINE 2</t>
  </si>
  <si>
    <t>BARKER CANYON</t>
  </si>
  <si>
    <t>APACHE PASS</t>
  </si>
  <si>
    <t>727827-24110-2012.gz</t>
  </si>
  <si>
    <t>LITTLE BOXELDER</t>
  </si>
  <si>
    <t>SHEEPHERDER HILL</t>
  </si>
  <si>
    <t>SEMINOE</t>
  </si>
  <si>
    <t>UPPER BEE</t>
  </si>
  <si>
    <t>CYGNET</t>
  </si>
  <si>
    <t>726664-94173-2012.gz</t>
  </si>
  <si>
    <t>PINE CREEK NORTH</t>
  </si>
  <si>
    <t>BAKERS PEAK</t>
  </si>
  <si>
    <t>WF UNIT 3'S COMPANY</t>
  </si>
  <si>
    <t>WF FROZEN ;POINT</t>
  </si>
  <si>
    <t>FILLMORE COUNTY</t>
  </si>
  <si>
    <t>725513-04901-2012.gz</t>
  </si>
  <si>
    <t>BEAR CREEK #4</t>
  </si>
  <si>
    <t>STROUD FIRES</t>
  </si>
  <si>
    <t>SKIBSTAD</t>
  </si>
  <si>
    <t>MISSION ROAD</t>
  </si>
  <si>
    <t>727750-24143-2012.gz</t>
  </si>
  <si>
    <t>BEAN CANYON</t>
  </si>
  <si>
    <t>TURNER TATANKA</t>
  </si>
  <si>
    <t>KEITH COUNTY COMPLEX</t>
  </si>
  <si>
    <t>FAIRFIELD CREEK</t>
  </si>
  <si>
    <t>WENTWORTH</t>
  </si>
  <si>
    <t>CINCO DE MAYO ( 06)</t>
  </si>
  <si>
    <t>722039-12885-2012.gz</t>
  </si>
  <si>
    <t>WEST HOLEY LANDS (50)</t>
  </si>
  <si>
    <t>ALLEY 37 NORTH ( 06 )</t>
  </si>
  <si>
    <t>722037-92809-2012.gz</t>
  </si>
  <si>
    <t>DUCK LAKE TRAIL</t>
  </si>
  <si>
    <t>726394-04874-2012.gz</t>
  </si>
  <si>
    <t>BANNER 4</t>
  </si>
  <si>
    <t>93RD ST NE</t>
  </si>
  <si>
    <t>DONNY BROOK FIRE</t>
  </si>
  <si>
    <t>SPRING MOUNTAIN</t>
  </si>
  <si>
    <t>LIVERMORE RANCH  FIRE</t>
  </si>
  <si>
    <t>BLUFF CREEK RANCH FIRE</t>
  </si>
  <si>
    <t>724665-93010-2012.gz</t>
  </si>
  <si>
    <t>WHITEWATER-BALDY</t>
  </si>
  <si>
    <t>722721-93063-2012.gz</t>
  </si>
  <si>
    <t>NINNEKAH</t>
  </si>
  <si>
    <t>722078-53938-2012.gz</t>
  </si>
  <si>
    <t>CRANE ROAD</t>
  </si>
  <si>
    <t>SKIDDY WEST ROAD</t>
  </si>
  <si>
    <t>MINNESOTA ROAD</t>
  </si>
  <si>
    <t>745431-03998-2012.gz</t>
  </si>
  <si>
    <t>GLENCOE</t>
  </si>
  <si>
    <t>723545-03965-2012.gz</t>
  </si>
  <si>
    <t>TAYLOR BRIDGE</t>
  </si>
  <si>
    <t>COUNTY 27 FIRE</t>
  </si>
  <si>
    <t>NORTH MINNIE</t>
  </si>
  <si>
    <t>LITTLE SWALLOW</t>
  </si>
  <si>
    <t>FERN LAKE</t>
  </si>
  <si>
    <t>LITTLE QUEENS</t>
  </si>
  <si>
    <t>726824-04112-2013.gz</t>
  </si>
  <si>
    <t>WEST FORK 2</t>
  </si>
  <si>
    <t>CALIFORNIA POINT</t>
  </si>
  <si>
    <t>CHESTNUT (304)</t>
  </si>
  <si>
    <t>724885-93102-2013.gz</t>
  </si>
  <si>
    <t>EUREKA</t>
  </si>
  <si>
    <t>DOCE</t>
  </si>
  <si>
    <t>723723-23184-2013.gz</t>
  </si>
  <si>
    <t>723894-03181-2013.gz</t>
  </si>
  <si>
    <t>WEST MULLAN</t>
  </si>
  <si>
    <t>JAROSO</t>
  </si>
  <si>
    <t>POWERHOUSE</t>
  </si>
  <si>
    <t>723820-23182-2013.gz</t>
  </si>
  <si>
    <t>GOLD PAN</t>
  </si>
  <si>
    <t>SHEPARD TRAIL NORTH</t>
  </si>
  <si>
    <t>TRES LAGUNAS</t>
  </si>
  <si>
    <t>HARDLUCK</t>
  </si>
  <si>
    <t>726664-94173-2013.gz</t>
  </si>
  <si>
    <t>EMIGRANT</t>
  </si>
  <si>
    <t>726798-24150-2013.gz</t>
  </si>
  <si>
    <t>THOMPSON RIDGE</t>
  </si>
  <si>
    <t>723654-93091-2013.gz</t>
  </si>
  <si>
    <t>MOOSE MEADOWS</t>
  </si>
  <si>
    <t>722720-93026-2013.gz</t>
  </si>
  <si>
    <t>RED SHALE</t>
  </si>
  <si>
    <t>721002-99999-2013.gz</t>
  </si>
  <si>
    <t>SOLDIER BASIN</t>
  </si>
  <si>
    <t>722728-03196-2013.gz</t>
  </si>
  <si>
    <t>DAMNATION</t>
  </si>
  <si>
    <t>BUTLER</t>
  </si>
  <si>
    <t>RAFT</t>
  </si>
  <si>
    <t>722142-04114-2013.gz</t>
  </si>
  <si>
    <t>PAUTRE</t>
  </si>
  <si>
    <t>727584-94038-2013.gz</t>
  </si>
  <si>
    <t>CARPENTER 1</t>
  </si>
  <si>
    <t>WHISKY</t>
  </si>
  <si>
    <t>HATHAWAY</t>
  </si>
  <si>
    <t>SPRING PEAK</t>
  </si>
  <si>
    <t>MISSISSIPPI</t>
  </si>
  <si>
    <t>LIME HILLS</t>
  </si>
  <si>
    <t>MOORE CREEK</t>
  </si>
  <si>
    <t>KRISTIN CREEK</t>
  </si>
  <si>
    <t>722162-26554-2013.gz</t>
  </si>
  <si>
    <t>DEAD FISH LAKE</t>
  </si>
  <si>
    <t>SANDLESS LAKE</t>
  </si>
  <si>
    <t>TOKLAT RIVER EAST</t>
  </si>
  <si>
    <t>702006-26502-2013.gz</t>
  </si>
  <si>
    <t>TITNA</t>
  </si>
  <si>
    <t>OLD WOMAN RIVER</t>
  </si>
  <si>
    <t>BIG SALT</t>
  </si>
  <si>
    <t>RAY RIVER 2</t>
  </si>
  <si>
    <t>701748-99999-2013.gz</t>
  </si>
  <si>
    <t>PROSPECT CREEK</t>
  </si>
  <si>
    <t>SULATNA RIVER</t>
  </si>
  <si>
    <t>SIRUK CREEK</t>
  </si>
  <si>
    <t>701730-26535-2013.gz</t>
  </si>
  <si>
    <t>MOVING RIVER</t>
  </si>
  <si>
    <t>DISCOVERY CREEK</t>
  </si>
  <si>
    <t>701046-26418-2013.gz</t>
  </si>
  <si>
    <t>MCKINLEY RIVER EAST</t>
  </si>
  <si>
    <t>NORTH PORCUPINE</t>
  </si>
  <si>
    <t>701940-26413-2013.gz</t>
  </si>
  <si>
    <t>JOINT LAKE</t>
  </si>
  <si>
    <t>CASTLE ROCKS</t>
  </si>
  <si>
    <t>NIKUBUMA LAKE</t>
  </si>
  <si>
    <t>703406-26546-2013.gz</t>
  </si>
  <si>
    <t>GARGARYAH 2</t>
  </si>
  <si>
    <t>CHISANA RIVER</t>
  </si>
  <si>
    <t>702910-26412-2013.gz</t>
  </si>
  <si>
    <t>DEAN PEAK</t>
  </si>
  <si>
    <t>CHARIOT</t>
  </si>
  <si>
    <t>ROYAL GORGE</t>
  </si>
  <si>
    <t>720424-99999-2013.gz</t>
  </si>
  <si>
    <t>EAST PEAK</t>
  </si>
  <si>
    <t>724620-23061-2013.gz</t>
  </si>
  <si>
    <t>WEST HOLLISTER</t>
  </si>
  <si>
    <t>725866-94178-2013.gz</t>
  </si>
  <si>
    <t>MM111 HWY20</t>
  </si>
  <si>
    <t>LONG TOM</t>
  </si>
  <si>
    <t>BRUNEAU</t>
  </si>
  <si>
    <t>HORSE BUTTE 2</t>
  </si>
  <si>
    <t>COONSKIN</t>
  </si>
  <si>
    <t>JIM BROWN</t>
  </si>
  <si>
    <t>BROWN BUTTE</t>
  </si>
  <si>
    <t>FIR GROVE</t>
  </si>
  <si>
    <t>MCCAN</t>
  </si>
  <si>
    <t>CINDER ROAD</t>
  </si>
  <si>
    <t>SOUTHEAST RED BRIDGE</t>
  </si>
  <si>
    <t>HWY46 MM123</t>
  </si>
  <si>
    <t>RL 156</t>
  </si>
  <si>
    <t>BISON</t>
  </si>
  <si>
    <t>CATTLE GUARD</t>
  </si>
  <si>
    <t>725825-24121-2013.gz</t>
  </si>
  <si>
    <t>RED COW</t>
  </si>
  <si>
    <t>WATERPIPE</t>
  </si>
  <si>
    <t>CRESCENT DUNES</t>
  </si>
  <si>
    <t>OLYMPUS</t>
  </si>
  <si>
    <t>BIG WINDY</t>
  </si>
  <si>
    <t>994031-99999-2013.gz</t>
  </si>
  <si>
    <t>DADS</t>
  </si>
  <si>
    <t>0171 GORDON BUTTE</t>
  </si>
  <si>
    <t>CROWLEY CREEK</t>
  </si>
  <si>
    <t>STOCKADE</t>
  </si>
  <si>
    <t>726813-94195-2013.gz</t>
  </si>
  <si>
    <t>STEMLER RIDGE</t>
  </si>
  <si>
    <t>GRASSY MOUNTAIN</t>
  </si>
  <si>
    <t>SHARON CREEK</t>
  </si>
  <si>
    <t>CEDAR MOUNTAIN</t>
  </si>
  <si>
    <t>724797-23176-2013.gz</t>
  </si>
  <si>
    <t>PATCH SPRINGS</t>
  </si>
  <si>
    <t>740030-24103-2013.gz</t>
  </si>
  <si>
    <t>MM 28</t>
  </si>
  <si>
    <t>JO JO FIRE</t>
  </si>
  <si>
    <t>LEONARD FIRE</t>
  </si>
  <si>
    <t>997337-99999-2013.gz</t>
  </si>
  <si>
    <t>APACHE FIRE</t>
  </si>
  <si>
    <t>DEAD CANYON</t>
  </si>
  <si>
    <t>WF UNIT 12 KICKOFF</t>
  </si>
  <si>
    <t>WHITEFISH LAKE</t>
  </si>
  <si>
    <t>EXCELSIOR</t>
  </si>
  <si>
    <t>MOON LAKE</t>
  </si>
  <si>
    <t>BILLY CREEK</t>
  </si>
  <si>
    <t>DOESTOCK CREEK</t>
  </si>
  <si>
    <t>702320-26516-2013.gz</t>
  </si>
  <si>
    <t>LADUE FORK</t>
  </si>
  <si>
    <t>BIG TIMBER CREEK</t>
  </si>
  <si>
    <t>CAN CREEK</t>
  </si>
  <si>
    <t>TETLIN JCT RIDGE</t>
  </si>
  <si>
    <t>722970-23129-2013.gz</t>
  </si>
  <si>
    <t>COLOCKUM TARPS</t>
  </si>
  <si>
    <t>MILEPOST 10</t>
  </si>
  <si>
    <t>MCCABE</t>
  </si>
  <si>
    <t>GERMANN ROAD FIRE</t>
  </si>
  <si>
    <t>726508-94973-2013.gz</t>
  </si>
  <si>
    <t>GREEN VALLEY FIRE</t>
  </si>
  <si>
    <t>727453-94967-2013.gz</t>
  </si>
  <si>
    <t>HOLEY LAND 1  (50)</t>
  </si>
  <si>
    <t>722039-12885-2013.gz</t>
  </si>
  <si>
    <t>YARNELL HILL</t>
  </si>
  <si>
    <t>IMPACT COMPLEX</t>
  </si>
  <si>
    <t>724550-13947-2013.gz</t>
  </si>
  <si>
    <t>DESMARAIS</t>
  </si>
  <si>
    <t>LOW KEY</t>
  </si>
  <si>
    <t>747770-03852-2013.gz</t>
  </si>
  <si>
    <t>GROUSE MOUNTAIN</t>
  </si>
  <si>
    <t>MISSION</t>
  </si>
  <si>
    <t>998340-99999-2013.gz</t>
  </si>
  <si>
    <t>998478-99999-2013.gz</t>
  </si>
  <si>
    <t>JOHNSON BAR</t>
  </si>
  <si>
    <t>FAULKSTEIN</t>
  </si>
  <si>
    <t>725955-24259-2014.gz</t>
  </si>
  <si>
    <t>0386 FOX</t>
  </si>
  <si>
    <t>723756-00375-2014.gz</t>
  </si>
  <si>
    <t>MCRAE</t>
  </si>
  <si>
    <t>WHITES</t>
  </si>
  <si>
    <t>EILER</t>
  </si>
  <si>
    <t>CHIWAUKUM CREEK</t>
  </si>
  <si>
    <t>ROWENA</t>
  </si>
  <si>
    <t>RAVEN CREEK</t>
  </si>
  <si>
    <t>BAR-M</t>
  </si>
  <si>
    <t>722721-93063-2014.gz</t>
  </si>
  <si>
    <t>SITGREAVES</t>
  </si>
  <si>
    <t>720635-00221-2014.gz</t>
  </si>
  <si>
    <t>DIEGO</t>
  </si>
  <si>
    <t xml:space="preserve">PINO </t>
  </si>
  <si>
    <t>722825-53145-2014.gz</t>
  </si>
  <si>
    <t>HAMPTON</t>
  </si>
  <si>
    <t>LITTLE DEER</t>
  </si>
  <si>
    <t>LOG</t>
  </si>
  <si>
    <t>MAN</t>
  </si>
  <si>
    <t>BALD</t>
  </si>
  <si>
    <t>WAY</t>
  </si>
  <si>
    <t>723894-03181-2014.gz</t>
  </si>
  <si>
    <t>0318  BEAR BUTTE 2</t>
  </si>
  <si>
    <t>0129  TWO BULLS</t>
  </si>
  <si>
    <t>0329  BRIDGE 99</t>
  </si>
  <si>
    <t>36 PIT</t>
  </si>
  <si>
    <t>726985-24242-2014.gz</t>
  </si>
  <si>
    <t>790 FIRE</t>
  </si>
  <si>
    <t>SOMERS</t>
  </si>
  <si>
    <t>5 MILE</t>
  </si>
  <si>
    <t>FREEZEOUT RIDGE</t>
  </si>
  <si>
    <t xml:space="preserve">PITTSBURG </t>
  </si>
  <si>
    <t>727830-24149-2014.gz</t>
  </si>
  <si>
    <t>LITTLE BRIDGE</t>
  </si>
  <si>
    <t>UPPER FALLS</t>
  </si>
  <si>
    <t>DECEPTION COMPLEX</t>
  </si>
  <si>
    <t>PINTAIL FIRE</t>
  </si>
  <si>
    <t>BAPA</t>
  </si>
  <si>
    <t>140 FUNNY RIVER</t>
  </si>
  <si>
    <t>702595-26559-2014.gz</t>
  </si>
  <si>
    <t>WF UNIT 3 2014</t>
  </si>
  <si>
    <t>994260-99999-2014.gz</t>
  </si>
  <si>
    <t>WF UNIT 7 2014</t>
  </si>
  <si>
    <t>CINNAMON TEAL FIRE</t>
  </si>
  <si>
    <t>997337-99999-2014.gz</t>
  </si>
  <si>
    <t>100 MILE CREEK</t>
  </si>
  <si>
    <t>GALAHAD</t>
  </si>
  <si>
    <t>ASAAYII LAKE</t>
  </si>
  <si>
    <t>722764-03029-2014.gz</t>
  </si>
  <si>
    <t>EL PORTAL</t>
  </si>
  <si>
    <t>ORANGE BLOSSOM FIRE</t>
  </si>
  <si>
    <t>ROGERS RIVER WF</t>
  </si>
  <si>
    <t>998306-99999-2014.gz</t>
  </si>
  <si>
    <t>BIG COUGAR</t>
  </si>
  <si>
    <t>HIGHRANGE</t>
  </si>
  <si>
    <t>DIETRICH BUTTE</t>
  </si>
  <si>
    <t>PAGARI</t>
  </si>
  <si>
    <t>MIDDLE BLACK</t>
  </si>
  <si>
    <t>MIDDLE RIDGE</t>
  </si>
  <si>
    <t>LAGES</t>
  </si>
  <si>
    <t>725810-24193-2014.gz</t>
  </si>
  <si>
    <t>NORTH 400</t>
  </si>
  <si>
    <t>DEWITT</t>
  </si>
  <si>
    <t>726876-00387-2014.gz</t>
  </si>
  <si>
    <t>GUMBOOT</t>
  </si>
  <si>
    <t>BLITZEN CROSSING</t>
  </si>
  <si>
    <t>OREGON GULCH</t>
  </si>
  <si>
    <t>0219 CAMP CREEK</t>
  </si>
  <si>
    <t>0290 JACK KNIFE</t>
  </si>
  <si>
    <t>0368 PINE CREEK</t>
  </si>
  <si>
    <t>0347 WARD CREEK</t>
  </si>
  <si>
    <t>0358 BLACK ROCK</t>
  </si>
  <si>
    <t>0319 DONNY BROOK</t>
  </si>
  <si>
    <t>726883-04113-2014.gz</t>
  </si>
  <si>
    <t>0649 MURDERERS SOUTH</t>
  </si>
  <si>
    <t>0539 SNIPTION</t>
  </si>
  <si>
    <t>SADDLE DRAW</t>
  </si>
  <si>
    <t>STEMLER</t>
  </si>
  <si>
    <t>KITTEN CANYON</t>
  </si>
  <si>
    <t>BROGAN HILL</t>
  </si>
  <si>
    <t>SHANIKO BUTTE</t>
  </si>
  <si>
    <t>CAMAS PRAIRIE</t>
  </si>
  <si>
    <t>28 MILE</t>
  </si>
  <si>
    <t>LEVAN</t>
  </si>
  <si>
    <t>ROUGH HAUL</t>
  </si>
  <si>
    <t>CUB CREEK</t>
  </si>
  <si>
    <t>MILLS CANYON</t>
  </si>
  <si>
    <t>727900-24141-2014.gz</t>
  </si>
  <si>
    <t>CARLTON</t>
  </si>
  <si>
    <t>WATERMELON HILL</t>
  </si>
  <si>
    <t>SNAG CANYON</t>
  </si>
  <si>
    <t>CAPE CANAVERAL  (05)</t>
  </si>
  <si>
    <t>ALLIGATOR (06)</t>
  </si>
  <si>
    <t>722039-12885-2014.gz</t>
  </si>
  <si>
    <t>MACKS CAMP SOUTH ( 06 )</t>
  </si>
  <si>
    <t>722024-12882-2014.gz</t>
  </si>
  <si>
    <t>BAILEY BUTTE</t>
  </si>
  <si>
    <t>HWY 508</t>
  </si>
  <si>
    <t>INDIAN PRAIRIE MARSH (22)</t>
  </si>
  <si>
    <t>CAMP 21 (06)</t>
  </si>
  <si>
    <t>L 4 CUTOUT ( 50 )</t>
  </si>
  <si>
    <t>MALONE FIRE</t>
  </si>
  <si>
    <t>722616-03032-2014.gz</t>
  </si>
  <si>
    <t>722637-93046-2014.gz</t>
  </si>
  <si>
    <t>HIGGINS TWO FIRE</t>
  </si>
  <si>
    <t>746410-13975-2014.gz</t>
  </si>
  <si>
    <t>KENEDY TRUST FIRE</t>
  </si>
  <si>
    <t>720269-12982-2014.gz</t>
  </si>
  <si>
    <t>720267-23224-2014.gz</t>
  </si>
  <si>
    <t>SHANNON CREEK</t>
  </si>
  <si>
    <t>HAVANA</t>
  </si>
  <si>
    <t>ROAD Y</t>
  </si>
  <si>
    <t>723537-53913-2014.gz</t>
  </si>
  <si>
    <t>QUINLAN</t>
  </si>
  <si>
    <t>722152-53957-2014.gz</t>
  </si>
  <si>
    <t>TOMAHAWK</t>
  </si>
  <si>
    <t>PULGAS</t>
  </si>
  <si>
    <t>CAMARGO</t>
  </si>
  <si>
    <t>720356-13999-2014.gz</t>
  </si>
  <si>
    <t>STONY</t>
  </si>
  <si>
    <t>TIMBER BUTTE</t>
  </si>
  <si>
    <t>726813-94195-2014.gz</t>
  </si>
  <si>
    <t>TWIN RESERVIOR</t>
  </si>
  <si>
    <t>720645-00227-2014.gz</t>
  </si>
  <si>
    <t>727845-24163-2014.gz</t>
  </si>
  <si>
    <t>ESCRIBANO GCPEP</t>
  </si>
  <si>
    <t>A00024-53848-2014.gz</t>
  </si>
  <si>
    <t>MONTICELLO</t>
  </si>
  <si>
    <t>724828-93241-2014.gz</t>
  </si>
  <si>
    <t>LODGE COMPLEX</t>
  </si>
  <si>
    <t>727700-24138-2015.gz</t>
  </si>
  <si>
    <t>CHICADEE</t>
  </si>
  <si>
    <t>SOUTH BOBTAIL</t>
  </si>
  <si>
    <t>LOWER FLAT</t>
  </si>
  <si>
    <t>MARSTON</t>
  </si>
  <si>
    <t>SPONGE</t>
  </si>
  <si>
    <t>JAY POINT</t>
  </si>
  <si>
    <t>ARMY MULE</t>
  </si>
  <si>
    <t>RED CANYON FIRE</t>
  </si>
  <si>
    <t>723620-93040-2015.gz</t>
  </si>
  <si>
    <t>722720-93026-2015.gz</t>
  </si>
  <si>
    <t>GUADALUPE</t>
  </si>
  <si>
    <t>720635-00221-2015.gz</t>
  </si>
  <si>
    <t>723723-23184-2015.gz</t>
  </si>
  <si>
    <t>ELEVENMILE</t>
  </si>
  <si>
    <t>722142-04114-2015.gz</t>
  </si>
  <si>
    <t>GROVES</t>
  </si>
  <si>
    <t>726886-24130-2015.gz</t>
  </si>
  <si>
    <t>BEAVER LAKE</t>
  </si>
  <si>
    <t>NAPOLEON 1</t>
  </si>
  <si>
    <t>KLATAWA</t>
  </si>
  <si>
    <t>SPOTTED EAGLE</t>
  </si>
  <si>
    <t>720122-00114-2015.gz</t>
  </si>
  <si>
    <t>WEST FORK FISH CREEK</t>
  </si>
  <si>
    <t>CAMILLO</t>
  </si>
  <si>
    <t>723750-03103-2015.gz</t>
  </si>
  <si>
    <t>CAMPBELL'S</t>
  </si>
  <si>
    <t>TEPEE SPRINGS</t>
  </si>
  <si>
    <t>723825-23131-2015.gz</t>
  </si>
  <si>
    <t>SHIELL</t>
  </si>
  <si>
    <t>0297  CORNER CREEK</t>
  </si>
  <si>
    <t>726876-00387-2015.gz</t>
  </si>
  <si>
    <t>MCFARLAND CREEK</t>
  </si>
  <si>
    <t>NORTH GRIZZLY</t>
  </si>
  <si>
    <t>SUCKER CREEK</t>
  </si>
  <si>
    <t>721001-99999-2015.gz</t>
  </si>
  <si>
    <t>BERRAY MOUNTAIN</t>
  </si>
  <si>
    <t>MOOSE RIDGE</t>
  </si>
  <si>
    <t>SNOWY SUMMIT</t>
  </si>
  <si>
    <t>WOODRAT</t>
  </si>
  <si>
    <t>ROLL CREEK</t>
  </si>
  <si>
    <t>PETE FORKS</t>
  </si>
  <si>
    <t>RIDGE ROAD</t>
  </si>
  <si>
    <t>720868-00294-2015.gz</t>
  </si>
  <si>
    <t>HORSE TANK</t>
  </si>
  <si>
    <t>MASON JAR CX</t>
  </si>
  <si>
    <t>RAPID</t>
  </si>
  <si>
    <t>720652-00433-2015.gz</t>
  </si>
  <si>
    <t>LASSICS</t>
  </si>
  <si>
    <t>BLAKE</t>
  </si>
  <si>
    <t>NICKOWITZ</t>
  </si>
  <si>
    <t>PATTISON</t>
  </si>
  <si>
    <t>COLLIER BUTTE</t>
  </si>
  <si>
    <t>CORNET</t>
  </si>
  <si>
    <t>NEWBY LAKE</t>
  </si>
  <si>
    <t>RENNER</t>
  </si>
  <si>
    <t>GRAVES MOUNTAIN</t>
  </si>
  <si>
    <t>STICKPIN</t>
  </si>
  <si>
    <t>TWIN CREEKS</t>
  </si>
  <si>
    <t>NORTH FORK FLATS</t>
  </si>
  <si>
    <t>702625-00104-2015.gz</t>
  </si>
  <si>
    <t>PONTAG CREEK</t>
  </si>
  <si>
    <t>702350-26534-2015.gz</t>
  </si>
  <si>
    <t>WHITEFISH LAKE 1</t>
  </si>
  <si>
    <t>HEALY LAKE</t>
  </si>
  <si>
    <t>SPICER CREEK</t>
  </si>
  <si>
    <t>701730-26535-2015.gz</t>
  </si>
  <si>
    <t>SEA</t>
  </si>
  <si>
    <t>702460-26512-2015.gz</t>
  </si>
  <si>
    <t>BANDDANA CREEK</t>
  </si>
  <si>
    <t>WHY LAKE</t>
  </si>
  <si>
    <t>KAIYUH</t>
  </si>
  <si>
    <t>701719-00490-2015.gz</t>
  </si>
  <si>
    <t>REINDEER RIVER</t>
  </si>
  <si>
    <t>MOOSE POINT</t>
  </si>
  <si>
    <t>701748-99999-2015.gz</t>
  </si>
  <si>
    <t>KILO</t>
  </si>
  <si>
    <t>OLD WOMAN</t>
  </si>
  <si>
    <t>702070-26627-2015.gz</t>
  </si>
  <si>
    <t>SOCKEYE</t>
  </si>
  <si>
    <t>BIRCH CREEK 2</t>
  </si>
  <si>
    <t>CARD STREET</t>
  </si>
  <si>
    <t>702595-26559-2015.gz</t>
  </si>
  <si>
    <t>HAMLIN CREEK</t>
  </si>
  <si>
    <t>FALCO</t>
  </si>
  <si>
    <t>WRENCH LAKE</t>
  </si>
  <si>
    <t>702223-26602-2015.gz</t>
  </si>
  <si>
    <t>KOYUK</t>
  </si>
  <si>
    <t>SHAKTOOLIK</t>
  </si>
  <si>
    <t>ILLINOIS MINE</t>
  </si>
  <si>
    <t>BLIND RIVER</t>
  </si>
  <si>
    <t>HOLONADA</t>
  </si>
  <si>
    <t>MUNSATLI</t>
  </si>
  <si>
    <t>WRONGTRAIL</t>
  </si>
  <si>
    <t>COPENHAGEN CREEK</t>
  </si>
  <si>
    <t>LOWER REINDEER PEAK</t>
  </si>
  <si>
    <t>KETLKEDE 3</t>
  </si>
  <si>
    <t>UNGALIK</t>
  </si>
  <si>
    <t>GLACIER</t>
  </si>
  <si>
    <t>MELOZITNA 2</t>
  </si>
  <si>
    <t>CHAHALIE LAKE</t>
  </si>
  <si>
    <t>701940-26413-2015.gz</t>
  </si>
  <si>
    <t>CHRISTIAN RIVER 2</t>
  </si>
  <si>
    <t>STUYAHOK RIVER</t>
  </si>
  <si>
    <t>703053-26654-2015.gz</t>
  </si>
  <si>
    <t>KWETHLUK RIVER 2</t>
  </si>
  <si>
    <t>702190-26615-2015.gz</t>
  </si>
  <si>
    <t>SODA CREEK</t>
  </si>
  <si>
    <t>OWHAT RIVER</t>
  </si>
  <si>
    <t>702075-26644-2015.gz</t>
  </si>
  <si>
    <t>BANDDANA CREEK NORTH</t>
  </si>
  <si>
    <t>CARLSON LAKE</t>
  </si>
  <si>
    <t>IDITAROD RIVER</t>
  </si>
  <si>
    <t>702910-26412-2015.gz</t>
  </si>
  <si>
    <t>EGAVIK</t>
  </si>
  <si>
    <t>GOLSOVIA 3</t>
  </si>
  <si>
    <t>SISTERS</t>
  </si>
  <si>
    <t>KOBE</t>
  </si>
  <si>
    <t>702600-26435-2015.gz</t>
  </si>
  <si>
    <t>KOKRINE</t>
  </si>
  <si>
    <t>HAY SLOUGH</t>
  </si>
  <si>
    <t>HARPER BEND</t>
  </si>
  <si>
    <t>QUIN CREEK</t>
  </si>
  <si>
    <t>NULATO</t>
  </si>
  <si>
    <t>IGOKLUK SLOUGH</t>
  </si>
  <si>
    <t>702084-26650-2015.gz</t>
  </si>
  <si>
    <t>ISAHULTILA</t>
  </si>
  <si>
    <t>BRUNO CREEK</t>
  </si>
  <si>
    <t>NIKOLA SLOUGH</t>
  </si>
  <si>
    <t>NULATO RIVER 2</t>
  </si>
  <si>
    <t>TOBATOKH</t>
  </si>
  <si>
    <t>GECHIAK LAKE</t>
  </si>
  <si>
    <t>DAGISLAKHNA</t>
  </si>
  <si>
    <t>CHRISTIAN RIVER 3</t>
  </si>
  <si>
    <t>MELOGITNA</t>
  </si>
  <si>
    <t>BLACK SAND</t>
  </si>
  <si>
    <t>TIP CREEK</t>
  </si>
  <si>
    <t>EDEN CREEK</t>
  </si>
  <si>
    <t>MICHIGAN CREEK</t>
  </si>
  <si>
    <t>LONESTAR</t>
  </si>
  <si>
    <t>POORMAN CREEK</t>
  </si>
  <si>
    <t>FRISKY CREEK</t>
  </si>
  <si>
    <t>COPENHAGEN</t>
  </si>
  <si>
    <t>COD LAKE 3</t>
  </si>
  <si>
    <t>SETHKOKNA 2</t>
  </si>
  <si>
    <t>MUNSATLI 2</t>
  </si>
  <si>
    <t>DEEPBANK CREEK</t>
  </si>
  <si>
    <t>MINGVK</t>
  </si>
  <si>
    <t>749230-00393-2015.gz</t>
  </si>
  <si>
    <t>BAATHBAKDIZUNI CREEK</t>
  </si>
  <si>
    <t>SALMON RIVER</t>
  </si>
  <si>
    <t>723747-03101-2015.gz</t>
  </si>
  <si>
    <t>JERUSALEM</t>
  </si>
  <si>
    <t>WRAGG</t>
  </si>
  <si>
    <t>724828-93241-2015.gz</t>
  </si>
  <si>
    <t>13 MILE</t>
  </si>
  <si>
    <t>KAWAIHAE</t>
  </si>
  <si>
    <t>725867-24133-2015.gz</t>
  </si>
  <si>
    <t>LAWYER 2</t>
  </si>
  <si>
    <t>KAMIAH GULCH</t>
  </si>
  <si>
    <t>LAWYER 6</t>
  </si>
  <si>
    <t>LOLO 2</t>
  </si>
  <si>
    <t>CARROT RIDGE</t>
  </si>
  <si>
    <t>MM 43 HWY 52</t>
  </si>
  <si>
    <t>NOBODY KNOWS</t>
  </si>
  <si>
    <t>EUSTIS</t>
  </si>
  <si>
    <t>726797-24132-2015.gz</t>
  </si>
  <si>
    <t>ALEX CAMP ROAD</t>
  </si>
  <si>
    <t>CHALKY BUTTE</t>
  </si>
  <si>
    <t>HERCULES</t>
  </si>
  <si>
    <t>SLOUGH</t>
  </si>
  <si>
    <t>BRINGOFF</t>
  </si>
  <si>
    <t>SHEEP DRAW</t>
  </si>
  <si>
    <t>726627-94037-2015.gz</t>
  </si>
  <si>
    <t>724885-93102-2015.gz</t>
  </si>
  <si>
    <t>ANNIE</t>
  </si>
  <si>
    <t>WEST PRONG</t>
  </si>
  <si>
    <t>WILD HORSE CREEK</t>
  </si>
  <si>
    <t>Z BAR 7</t>
  </si>
  <si>
    <t>BAR F</t>
  </si>
  <si>
    <t>CRESCENT</t>
  </si>
  <si>
    <t>0561 SEE SAW</t>
  </si>
  <si>
    <t>726883-04113-2015.gz</t>
  </si>
  <si>
    <t>STOUTS CR</t>
  </si>
  <si>
    <t>726904-24231-2015.gz</t>
  </si>
  <si>
    <t>POLE GULCH</t>
  </si>
  <si>
    <t>JACA RESERVOIR</t>
  </si>
  <si>
    <t>LESLIE GULCH</t>
  </si>
  <si>
    <t>COUNTY LINE 2</t>
  </si>
  <si>
    <t>COLD BROOK WF</t>
  </si>
  <si>
    <t>726514-94032-2015.gz</t>
  </si>
  <si>
    <t>NORTH STAR</t>
  </si>
  <si>
    <t>GOODELL</t>
  </si>
  <si>
    <t>HIGHWAY 8</t>
  </si>
  <si>
    <t>TUNK BLOCK</t>
  </si>
  <si>
    <t>LIME BELT</t>
  </si>
  <si>
    <t>CARPENTER ROAD</t>
  </si>
  <si>
    <t>REACH</t>
  </si>
  <si>
    <t>727900-24141-2015.gz</t>
  </si>
  <si>
    <t>TWISP RIVER</t>
  </si>
  <si>
    <t>JAMESON LAKE</t>
  </si>
  <si>
    <t>WF WEST END</t>
  </si>
  <si>
    <t>PALSBURG</t>
  </si>
  <si>
    <t>15392 BEADY</t>
  </si>
  <si>
    <t>15233 BOGUS CREEK</t>
  </si>
  <si>
    <t>15268 CHISANA RIVER 2</t>
  </si>
  <si>
    <t>15447 ANAKSHEK PASS</t>
  </si>
  <si>
    <t>703056-26635-2015.gz</t>
  </si>
  <si>
    <t>15391 FOG RIVER</t>
  </si>
  <si>
    <t>722039-12885-2015.gz</t>
  </si>
  <si>
    <t>15573 SULUKNA</t>
  </si>
  <si>
    <t>LAST DANCE</t>
  </si>
  <si>
    <t>15249 INNOKO RIVER</t>
  </si>
  <si>
    <t>15359 THREE DAY</t>
  </si>
  <si>
    <t>15619 LITTLE MUD RIVER</t>
  </si>
  <si>
    <t>15564 IZAVLKNEK RIVER</t>
  </si>
  <si>
    <t>702005-26647-2015.gz</t>
  </si>
  <si>
    <t>15504 KUKA CREEK 4</t>
  </si>
  <si>
    <t>702628-00105-2015.gz</t>
  </si>
  <si>
    <t>15480 HARDPAC CREEK</t>
  </si>
  <si>
    <t>15687 LAWSON</t>
  </si>
  <si>
    <t>15593 DISHNA RIVER</t>
  </si>
  <si>
    <t>702315-26536-2015.gz</t>
  </si>
  <si>
    <t>SADDLE LAKES FIRE</t>
  </si>
  <si>
    <t>720562-99999-2015.gz</t>
  </si>
  <si>
    <t>15362 BLAZO</t>
  </si>
  <si>
    <t>15598 FLINT CREEK</t>
  </si>
  <si>
    <t>15512 WHITE LAKE</t>
  </si>
  <si>
    <t>15539 HOLTNAKATNA</t>
  </si>
  <si>
    <t>15562 KHOTOL</t>
  </si>
  <si>
    <t>15470 CHITANANA RIVER</t>
  </si>
  <si>
    <t>15469 BIG MUD RIVER 1</t>
  </si>
  <si>
    <t>15565 YUKON CREEK TWO</t>
  </si>
  <si>
    <t>15361 GROUCH</t>
  </si>
  <si>
    <t>15568 MT.SCHWATKA</t>
  </si>
  <si>
    <t>15501 KUKA CREEK 3</t>
  </si>
  <si>
    <t>STATE LINE</t>
  </si>
  <si>
    <t>WF UNIT 1 1/2</t>
  </si>
  <si>
    <t>15520 YUKON CREEK</t>
  </si>
  <si>
    <t>15575 OUR CREEK</t>
  </si>
  <si>
    <t>15363 WEST FORK</t>
  </si>
  <si>
    <t>15533 BIG CREEK 2</t>
  </si>
  <si>
    <t>15340 DULBI RIVER</t>
  </si>
  <si>
    <t>WF TEXAS POINT NORTHEAST</t>
  </si>
  <si>
    <t>15752 SELAWIK RIVER</t>
  </si>
  <si>
    <t>15547 NORTH ANIAK</t>
  </si>
  <si>
    <t>CRATER CREEK</t>
  </si>
  <si>
    <t>15563 PUK PALIK LAKE</t>
  </si>
  <si>
    <t>15608 RAINBOW</t>
  </si>
  <si>
    <t>15601 LOST RIVER</t>
  </si>
  <si>
    <t>15481 BERING CREEK</t>
  </si>
  <si>
    <t>15428 CRAZY SLOUGH</t>
  </si>
  <si>
    <t>15497 KUKA CREEK 1</t>
  </si>
  <si>
    <t>15449 SUSHGITIT HILLS</t>
  </si>
  <si>
    <t>15579 TOTSON</t>
  </si>
  <si>
    <t>15509 HARD LUCK</t>
  </si>
  <si>
    <t>15451 APOON</t>
  </si>
  <si>
    <t>COFFEE CREEK</t>
  </si>
  <si>
    <t>SCOW HARRY # 2</t>
  </si>
  <si>
    <t>CHICHITNOK RIVER</t>
  </si>
  <si>
    <t>703925-00112-2015.gz</t>
  </si>
  <si>
    <t>KUTOKBUNA LAKE</t>
  </si>
  <si>
    <t>DENNIS</t>
  </si>
  <si>
    <t>HOLY LAND</t>
  </si>
  <si>
    <t>CINCO   (50 )</t>
  </si>
  <si>
    <t>HEAD OF THE RIVER RANCH</t>
  </si>
  <si>
    <t>TROPHY RIDGE</t>
  </si>
  <si>
    <t>ELDORADO</t>
  </si>
  <si>
    <t>WINDY RIDGE (VALE #163)</t>
  </si>
  <si>
    <t>MASON SPRING</t>
  </si>
  <si>
    <t xml:space="preserve">MARBLE VALLEY </t>
  </si>
  <si>
    <t>UPTON RANCH</t>
  </si>
  <si>
    <t>EATON CEMETERY</t>
  </si>
  <si>
    <t>FORT MCKAVETT COMPLEX</t>
  </si>
  <si>
    <t>722363-23098-2015.gz</t>
  </si>
  <si>
    <t>HIDDEN PINES</t>
  </si>
  <si>
    <t>722113-53979-2015.gz</t>
  </si>
  <si>
    <t>GEM CITY 1</t>
  </si>
  <si>
    <t>HWY 212</t>
  </si>
  <si>
    <t>DRY GULCH</t>
  </si>
  <si>
    <t>720519-99999-2015.gz</t>
  </si>
  <si>
    <t>015-029</t>
  </si>
  <si>
    <t>NORTH CUT FIRE</t>
  </si>
  <si>
    <t>720258-04997-2015.gz</t>
  </si>
  <si>
    <t>SOUTH SARPY</t>
  </si>
  <si>
    <t>BROWN RANCH</t>
  </si>
  <si>
    <t xml:space="preserve">PRICKLEY PEAR </t>
  </si>
  <si>
    <t>COTTONWOOD GULCH</t>
  </si>
  <si>
    <t>9 MILE</t>
  </si>
  <si>
    <t>BOILING SPRINGS FIRE</t>
  </si>
  <si>
    <t>722152-53957-2015.gz</t>
  </si>
  <si>
    <t>SA HILL</t>
  </si>
  <si>
    <t>WF FEE TITLE 2015</t>
  </si>
  <si>
    <t>GILMORE GULCH</t>
  </si>
  <si>
    <t>50TH ST</t>
  </si>
  <si>
    <t>LILLIAM RANC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5" tint="0.39994506668294322"/>
        <bgColor indexed="64"/>
      </patternFill>
    </fill>
    <fill>
      <patternFill patternType="solid">
        <fgColor rgb="FFFFFF00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10">
    <xf numFmtId="0" fontId="0" fillId="0" borderId="0" xfId="0"/>
    <xf numFmtId="0" fontId="0" fillId="0" borderId="0" xfId="0" applyAlignment="1">
      <alignment wrapText="1"/>
    </xf>
    <xf numFmtId="14" fontId="0" fillId="0" borderId="0" xfId="0" applyNumberFormat="1" applyAlignment="1">
      <alignment wrapText="1"/>
    </xf>
    <xf numFmtId="22" fontId="0" fillId="0" borderId="0" xfId="0" applyNumberFormat="1" applyAlignment="1">
      <alignment wrapText="1"/>
    </xf>
    <xf numFmtId="11" fontId="0" fillId="0" borderId="0" xfId="0" applyNumberFormat="1" applyAlignment="1">
      <alignment wrapText="1"/>
    </xf>
    <xf numFmtId="16" fontId="0" fillId="0" borderId="0" xfId="0" applyNumberFormat="1" applyAlignment="1">
      <alignment wrapText="1"/>
    </xf>
    <xf numFmtId="17" fontId="0" fillId="0" borderId="0" xfId="0" applyNumberFormat="1" applyAlignment="1">
      <alignment wrapText="1"/>
    </xf>
    <xf numFmtId="0" fontId="0" fillId="33" borderId="0" xfId="0" applyFill="1" applyAlignment="1">
      <alignment wrapText="1"/>
    </xf>
    <xf numFmtId="0" fontId="0" fillId="34" borderId="0" xfId="0" applyFill="1" applyAlignment="1">
      <alignment wrapText="1"/>
    </xf>
    <xf numFmtId="11" fontId="0" fillId="34" borderId="0" xfId="0" applyNumberFormat="1" applyFill="1" applyAlignment="1">
      <alignment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FW_Veg_Rem_Combined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odnala,Shiva Rama Krishna</dc:creator>
  <cp:lastModifiedBy>Vodnala,Shiva Rama Krishna</cp:lastModifiedBy>
  <dcterms:created xsi:type="dcterms:W3CDTF">2021-03-25T03:07:24Z</dcterms:created>
  <dcterms:modified xsi:type="dcterms:W3CDTF">2021-03-25T03:07:27Z</dcterms:modified>
</cp:coreProperties>
</file>